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bookmarkIdSeed="4">
  <p:sldMasterIdLst>
    <p:sldMasterId id="2147483660" r:id="rId1"/>
    <p:sldMasterId id="2147483663" r:id="rId2"/>
  </p:sldMasterIdLst>
  <p:notesMasterIdLst>
    <p:notesMasterId r:id="rId30"/>
  </p:notesMasterIdLst>
  <p:sldIdLst>
    <p:sldId id="256" r:id="rId3"/>
    <p:sldId id="426" r:id="rId4"/>
    <p:sldId id="427" r:id="rId5"/>
    <p:sldId id="424" r:id="rId6"/>
    <p:sldId id="425" r:id="rId7"/>
    <p:sldId id="428" r:id="rId8"/>
    <p:sldId id="429" r:id="rId9"/>
    <p:sldId id="420" r:id="rId10"/>
    <p:sldId id="421" r:id="rId11"/>
    <p:sldId id="446" r:id="rId12"/>
    <p:sldId id="447" r:id="rId13"/>
    <p:sldId id="448" r:id="rId14"/>
    <p:sldId id="449" r:id="rId15"/>
    <p:sldId id="450" r:id="rId16"/>
    <p:sldId id="451" r:id="rId17"/>
    <p:sldId id="394" r:id="rId18"/>
    <p:sldId id="412" r:id="rId19"/>
    <p:sldId id="395" r:id="rId20"/>
    <p:sldId id="493" r:id="rId21"/>
    <p:sldId id="490" r:id="rId22"/>
    <p:sldId id="491" r:id="rId23"/>
    <p:sldId id="495" r:id="rId24"/>
    <p:sldId id="404" r:id="rId25"/>
    <p:sldId id="418" r:id="rId26"/>
    <p:sldId id="419" r:id="rId27"/>
    <p:sldId id="416" r:id="rId28"/>
    <p:sldId id="417" r:id="rId29"/>
  </p:sldIdLst>
  <p:sldSz cx="9144000" cy="6858000" type="screen4x3"/>
  <p:notesSz cx="6858000" cy="9144000"/>
  <p:custDataLst>
    <p:tags r:id="rId31"/>
  </p:custDataLst>
  <p:defaultTextStyle>
    <a:defPPr>
      <a:defRPr lang="de-DE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Titel" id="{3795076C-A1CB-4130-9707-18BFB58F1A36}">
          <p14:sldIdLst>
            <p14:sldId id="256"/>
          </p14:sldIdLst>
        </p14:section>
        <p14:section name="Inkorporation" id="{5D6F79B5-3109-4CE9-97AA-2E7284086C41}">
          <p14:sldIdLst>
            <p14:sldId id="426"/>
            <p14:sldId id="427"/>
          </p14:sldIdLst>
        </p14:section>
        <p14:section name="Kontamination" id="{1A7394D9-A6C5-4962-A834-38B1A4ED4258}">
          <p14:sldIdLst>
            <p14:sldId id="424"/>
            <p14:sldId id="425"/>
          </p14:sldIdLst>
        </p14:section>
        <p14:section name="Gefährliche Einwirkung von außen" id="{526D0A9B-DE5C-486F-AA00-FC7919A745E2}">
          <p14:sldIdLst>
            <p14:sldId id="428"/>
            <p14:sldId id="429"/>
          </p14:sldIdLst>
        </p14:section>
        <p14:section name="Gruppe im ABC-Einsatz" id="{A136DEF1-B91A-495A-8654-E80365575778}">
          <p14:sldIdLst>
            <p14:sldId id="420"/>
            <p14:sldId id="421"/>
            <p14:sldId id="446"/>
            <p14:sldId id="447"/>
            <p14:sldId id="448"/>
            <p14:sldId id="449"/>
            <p14:sldId id="450"/>
            <p14:sldId id="451"/>
          </p14:sldIdLst>
        </p14:section>
        <p14:section name="Gefahrenbereich" id="{A2B4993C-6B7F-4119-ACF8-657355B1F80E}">
          <p14:sldIdLst>
            <p14:sldId id="394"/>
            <p14:sldId id="412"/>
          </p14:sldIdLst>
        </p14:section>
        <p14:section name="Menschenrettung" id="{1332115B-9B39-4ACF-ACFA-841C52239DB0}">
          <p14:sldIdLst>
            <p14:sldId id="395"/>
            <p14:sldId id="493"/>
            <p14:sldId id="490"/>
            <p14:sldId id="491"/>
            <p14:sldId id="495"/>
          </p14:sldIdLst>
        </p14:section>
        <p14:section name="Dekon-Stufe 1" id="{99602544-7CDD-4CB5-935F-5CA94BBCBFB2}">
          <p14:sldIdLst>
            <p14:sldId id="404"/>
            <p14:sldId id="418"/>
            <p14:sldId id="419"/>
            <p14:sldId id="416"/>
            <p14:sldId id="417"/>
          </p14:sldIdLst>
        </p14:section>
      </p14:sectionLst>
    </p:ex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ittlere Formatvorlage 2 - Akz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0A15C55-8517-42AA-B614-E9B94910E393}" styleName="Mittlere Formatvorlage 2 - Akzent 4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4">
              <a:tint val="20000"/>
            </a:schemeClr>
          </a:solidFill>
        </a:fill>
      </a:tcStyle>
    </a:wholeTbl>
    <a:band1H>
      <a:tcStyle>
        <a:tcBdr/>
        <a:fill>
          <a:solidFill>
            <a:schemeClr val="accent4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4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4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4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4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4"/>
          </a:solidFill>
        </a:fill>
      </a:tcStyle>
    </a:firstRow>
  </a:tblStyle>
  <a:tblStyle styleId="{073A0DAA-6AF3-43AB-8588-CEC1D06C72B9}" styleName="Mittlere Formatvorlag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6999" autoAdjust="0"/>
    <p:restoredTop sz="83023" autoAdjust="0"/>
  </p:normalViewPr>
  <p:slideViewPr>
    <p:cSldViewPr snapToGrid="0">
      <p:cViewPr varScale="1">
        <p:scale>
          <a:sx n="95" d="100"/>
          <a:sy n="95" d="100"/>
        </p:scale>
        <p:origin x="1986" y="72"/>
      </p:cViewPr>
      <p:guideLst/>
    </p:cSldViewPr>
  </p:slideViewPr>
  <p:notesTextViewPr>
    <p:cViewPr>
      <p:scale>
        <a:sx n="3" d="2"/>
        <a:sy n="3" d="2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slide" Target="slides/slide24.xml"/><Relationship Id="rId3" Type="http://schemas.openxmlformats.org/officeDocument/2006/relationships/slide" Target="slides/slide1.xml"/><Relationship Id="rId21" Type="http://schemas.openxmlformats.org/officeDocument/2006/relationships/slide" Target="slides/slide19.xml"/><Relationship Id="rId34" Type="http://schemas.openxmlformats.org/officeDocument/2006/relationships/theme" Target="theme/theme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slide" Target="slides/slide23.xml"/><Relationship Id="rId33" Type="http://schemas.openxmlformats.org/officeDocument/2006/relationships/viewProps" Target="viewProp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29" Type="http://schemas.openxmlformats.org/officeDocument/2006/relationships/slide" Target="slides/slide27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slide" Target="slides/slide22.xml"/><Relationship Id="rId32" Type="http://schemas.openxmlformats.org/officeDocument/2006/relationships/presProps" Target="presProps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slide" Target="slides/slide26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31" Type="http://schemas.openxmlformats.org/officeDocument/2006/relationships/tags" Target="tags/tag1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slide" Target="slides/slide25.xml"/><Relationship Id="rId30" Type="http://schemas.openxmlformats.org/officeDocument/2006/relationships/notesMaster" Target="notesMasters/notesMaster1.xml"/><Relationship Id="rId35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Kopfzeilenplatzhalt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3" name="Datumsplatzhalt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71644C-7A24-4E3C-800C-EF1B37A70277}" type="datetimeFigureOut">
              <a:rPr lang="de-DE" smtClean="0"/>
              <a:t>15.12.2023</a:t>
            </a:fld>
            <a:endParaRPr lang="de-DE"/>
          </a:p>
        </p:txBody>
      </p:sp>
      <p:sp>
        <p:nvSpPr>
          <p:cNvPr id="4" name="Folienbildplatzhalt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de-DE"/>
          </a:p>
        </p:txBody>
      </p:sp>
      <p:sp>
        <p:nvSpPr>
          <p:cNvPr id="5" name="Notizenplatzhalt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de-DE"/>
              <a:t>Formatvorlagen des Textmasters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</a:p>
        </p:txBody>
      </p:sp>
      <p:sp>
        <p:nvSpPr>
          <p:cNvPr id="6" name="Fußzeilenplatzhalt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7" name="Foliennummernplatzhalt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F7D1648-47F5-4799-B7D7-ECA97BCD646C}" type="slidenum">
              <a:rPr lang="de-DE" smtClean="0"/>
              <a:t>‹Nr.›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14372150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8945710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0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512346731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92561442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03198668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57805947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28073854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65109553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764660732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7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521698869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8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291992798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19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01047226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589829216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3000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lang="de-DE" dirty="0"/>
              <a:t>https://publikationen.dguv.de/widgets/pdf/download/article/874</a:t>
            </a:r>
          </a:p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522CD1B-3908-4CA4-AFFD-EADEE1EE9A76}" type="slidenum">
              <a:rPr lang="de-DE" altLang="de-DE" smtClean="0"/>
              <a:pPr/>
              <a:t>20</a:t>
            </a:fld>
            <a:endParaRPr lang="de-DE" altLang="de-DE"/>
          </a:p>
        </p:txBody>
      </p:sp>
    </p:spTree>
    <p:extLst>
      <p:ext uri="{BB962C8B-B14F-4D97-AF65-F5344CB8AC3E}">
        <p14:creationId xmlns:p14="http://schemas.microsoft.com/office/powerpoint/2010/main" val="291849350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41083473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 dirty="0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522CD1B-3908-4CA4-AFFD-EADEE1EE9A76}" type="slidenum">
              <a:rPr lang="de-DE" altLang="de-DE" smtClean="0"/>
              <a:pPr/>
              <a:t>22</a:t>
            </a:fld>
            <a:endParaRPr lang="de-DE" altLang="de-DE"/>
          </a:p>
        </p:txBody>
      </p:sp>
    </p:spTree>
    <p:extLst>
      <p:ext uri="{BB962C8B-B14F-4D97-AF65-F5344CB8AC3E}">
        <p14:creationId xmlns:p14="http://schemas.microsoft.com/office/powerpoint/2010/main" val="2876363609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827553488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661535143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23496808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888758755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27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63473023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07896413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5949320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47953824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25672270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7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11734501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8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108711139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7D1648-47F5-4799-B7D7-ECA97BCD646C}" type="slidenum">
              <a:rPr lang="de-DE" smtClean="0"/>
              <a:t>9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57259306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foli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 hasCustomPrompt="1"/>
          </p:nvPr>
        </p:nvSpPr>
        <p:spPr>
          <a:xfrm>
            <a:off x="3600000" y="3420000"/>
            <a:ext cx="4191000" cy="1447800"/>
          </a:xfrm>
          <a:prstGeom prst="rect">
            <a:avLst/>
          </a:prstGeom>
        </p:spPr>
        <p:txBody>
          <a:bodyPr lIns="0" tIns="0" rIns="0" bIns="0" anchor="ctr"/>
          <a:lstStyle>
            <a:lvl1pPr algn="l">
              <a:defRPr sz="225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Titelthema</a:t>
            </a:r>
            <a:br>
              <a:rPr lang="de-DE" dirty="0"/>
            </a:br>
            <a:r>
              <a:rPr lang="de-DE" dirty="0"/>
              <a:t>der Präsentation</a:t>
            </a:r>
            <a:br>
              <a:rPr lang="de-DE" dirty="0"/>
            </a:br>
            <a:r>
              <a:rPr lang="de-DE" dirty="0"/>
              <a:t>auch dreizeilig</a:t>
            </a:r>
          </a:p>
        </p:txBody>
      </p:sp>
      <p:sp>
        <p:nvSpPr>
          <p:cNvPr id="6" name="Bildplatzhalter 5"/>
          <p:cNvSpPr>
            <a:spLocks noGrp="1"/>
          </p:cNvSpPr>
          <p:nvPr>
            <p:ph type="pic" sz="quarter" idx="10"/>
          </p:nvPr>
        </p:nvSpPr>
        <p:spPr>
          <a:xfrm>
            <a:off x="0" y="0"/>
            <a:ext cx="9144000" cy="2895600"/>
          </a:xfrm>
          <a:prstGeom prst="rect">
            <a:avLst/>
          </a:prstGeom>
        </p:spPr>
        <p:txBody>
          <a:bodyPr vert="horz" tIns="0" rIns="0" bIns="0" anchor="ctr" anchorCtr="1"/>
          <a:lstStyle>
            <a:lvl1pPr marL="0" indent="0" algn="ctr">
              <a:spcBef>
                <a:spcPts val="0"/>
              </a:spcBef>
              <a:buFontTx/>
              <a:buNone/>
              <a:defRPr sz="1650" b="0" i="0">
                <a:latin typeface="Frutiger CE 45 Light"/>
                <a:cs typeface="Frutiger CE 45 Light"/>
              </a:defRPr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</p:spTree>
    <p:extLst>
      <p:ext uri="{BB962C8B-B14F-4D97-AF65-F5344CB8AC3E}">
        <p14:creationId xmlns:p14="http://schemas.microsoft.com/office/powerpoint/2010/main" val="95648542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el und Inhal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Inhaltsplatzhalt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de-DE" dirty="0"/>
              <a:t>Formatvorlagen des Textmasters bearbeiten</a:t>
            </a:r>
          </a:p>
          <a:p>
            <a:pPr lvl="1"/>
            <a:r>
              <a:rPr lang="de-DE" dirty="0"/>
              <a:t>Zweite Ebene</a:t>
            </a:r>
          </a:p>
          <a:p>
            <a:pPr lvl="2"/>
            <a:r>
              <a:rPr lang="de-DE" dirty="0"/>
              <a:t>Dritte Ebene</a:t>
            </a:r>
          </a:p>
          <a:p>
            <a:pPr lvl="3"/>
            <a:r>
              <a:rPr lang="de-DE" dirty="0"/>
              <a:t>Vierte Ebene</a:t>
            </a:r>
          </a:p>
          <a:p>
            <a:pPr lvl="4"/>
            <a:r>
              <a:rPr lang="de-DE" dirty="0"/>
              <a:t>Fünfte Ebene</a:t>
            </a:r>
          </a:p>
        </p:txBody>
      </p:sp>
      <p:sp>
        <p:nvSpPr>
          <p:cNvPr id="4" name="Titel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Titelmasterformat durch Klicken bearbeiten</a:t>
            </a:r>
          </a:p>
        </p:txBody>
      </p:sp>
      <p:sp>
        <p:nvSpPr>
          <p:cNvPr id="5" name="Datumsplatzhalt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FBC0FFF-651D-43ED-B3C6-F64335C8147F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6" name="Fußzeilenplatzhalt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de-DE"/>
              <a:t>Akademie im NLBK 		</a:t>
            </a:r>
            <a:r>
              <a:rPr lang="de-DE" sz="900"/>
              <a:t>Dezernat 3.3</a:t>
            </a:r>
            <a:endParaRPr lang="de-DE" sz="900" dirty="0"/>
          </a:p>
        </p:txBody>
      </p:sp>
      <p:sp>
        <p:nvSpPr>
          <p:cNvPr id="10" name="Foliennummernplatzhalter 9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D90FFD4-DCF8-48E8-9CD9-9BC980D8512D}" type="slidenum">
              <a:rPr lang="de-DE" altLang="de-DE" smtClean="0"/>
              <a:pPr/>
              <a:t>‹Nr.›</a:t>
            </a:fld>
            <a:endParaRPr lang="de-DE" altLang="de-DE" dirty="0"/>
          </a:p>
        </p:txBody>
      </p:sp>
    </p:spTree>
    <p:extLst>
      <p:ext uri="{BB962C8B-B14F-4D97-AF65-F5344CB8AC3E}">
        <p14:creationId xmlns:p14="http://schemas.microsoft.com/office/powerpoint/2010/main" val="117273332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1_Titelfoli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 hasCustomPrompt="1"/>
          </p:nvPr>
        </p:nvSpPr>
        <p:spPr>
          <a:xfrm>
            <a:off x="3600000" y="3420000"/>
            <a:ext cx="4191000" cy="1447800"/>
          </a:xfrm>
          <a:prstGeom prst="rect">
            <a:avLst/>
          </a:prstGeom>
        </p:spPr>
        <p:txBody>
          <a:bodyPr lIns="0" tIns="0" rIns="0" bIns="0" anchor="ctr"/>
          <a:lstStyle>
            <a:lvl1pPr algn="l">
              <a:defRPr sz="225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Titelthema</a:t>
            </a:r>
            <a:br>
              <a:rPr lang="de-DE" dirty="0"/>
            </a:br>
            <a:r>
              <a:rPr lang="de-DE" dirty="0"/>
              <a:t>der Präsentation</a:t>
            </a:r>
            <a:br>
              <a:rPr lang="de-DE" dirty="0"/>
            </a:br>
            <a:r>
              <a:rPr lang="de-DE" dirty="0"/>
              <a:t>auch dreizeilig</a:t>
            </a:r>
          </a:p>
        </p:txBody>
      </p:sp>
      <p:sp>
        <p:nvSpPr>
          <p:cNvPr id="6" name="Bildplatzhalter 5"/>
          <p:cNvSpPr>
            <a:spLocks noGrp="1"/>
          </p:cNvSpPr>
          <p:nvPr>
            <p:ph type="pic" sz="quarter" idx="10"/>
          </p:nvPr>
        </p:nvSpPr>
        <p:spPr>
          <a:xfrm>
            <a:off x="0" y="0"/>
            <a:ext cx="9144000" cy="2895600"/>
          </a:xfrm>
          <a:prstGeom prst="rect">
            <a:avLst/>
          </a:prstGeom>
        </p:spPr>
        <p:txBody>
          <a:bodyPr vert="horz" tIns="0" rIns="0" bIns="0" anchor="ctr" anchorCtr="1"/>
          <a:lstStyle>
            <a:lvl1pPr marL="0" indent="0" algn="ctr">
              <a:spcBef>
                <a:spcPts val="0"/>
              </a:spcBef>
              <a:buFontTx/>
              <a:buNone/>
              <a:defRPr sz="1650" b="0" i="0">
                <a:latin typeface="Frutiger CE 45 Light"/>
                <a:cs typeface="Frutiger CE 45 Light"/>
              </a:defRPr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  <p:pic>
        <p:nvPicPr>
          <p:cNvPr id="4" name="Grafik 3"/>
          <p:cNvPicPr>
            <a:picLocks noChangeAspect="1"/>
          </p:cNvPicPr>
          <p:nvPr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843809" y="5373216"/>
            <a:ext cx="3504410" cy="72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754699972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Abschnittstite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786" name="Rectangle 2"/>
          <p:cNvSpPr>
            <a:spLocks noGrp="1" noChangeArrowheads="1"/>
          </p:cNvSpPr>
          <p:nvPr>
            <p:ph type="ctrTitle"/>
          </p:nvPr>
        </p:nvSpPr>
        <p:spPr>
          <a:xfrm>
            <a:off x="250827" y="2276475"/>
            <a:ext cx="8642350" cy="1295400"/>
          </a:xfrm>
          <a:prstGeom prst="rect">
            <a:avLst/>
          </a:prstGeom>
        </p:spPr>
        <p:txBody>
          <a:bodyPr wrap="square"/>
          <a:lstStyle>
            <a:lvl1pPr algn="ctr">
              <a:defRPr sz="2400" b="0">
                <a:solidFill>
                  <a:schemeClr val="tx1"/>
                </a:solidFill>
              </a:defRPr>
            </a:lvl1pPr>
          </a:lstStyle>
          <a:p>
            <a:pPr lvl="0"/>
            <a:r>
              <a:rPr lang="de-DE" altLang="de-DE" noProof="0"/>
              <a:t>Titelmasterformat durch Klicken bearbeiten</a:t>
            </a:r>
            <a:endParaRPr lang="de-DE" altLang="de-DE" noProof="0" dirty="0"/>
          </a:p>
        </p:txBody>
      </p:sp>
      <p:sp>
        <p:nvSpPr>
          <p:cNvPr id="118787" name="Rectangle 3"/>
          <p:cNvSpPr>
            <a:spLocks noGrp="1" noChangeArrowheads="1"/>
          </p:cNvSpPr>
          <p:nvPr>
            <p:ph type="subTitle" idx="1"/>
          </p:nvPr>
        </p:nvSpPr>
        <p:spPr>
          <a:xfrm>
            <a:off x="250827" y="3968754"/>
            <a:ext cx="8642350" cy="911225"/>
          </a:xfrm>
          <a:prstGeom prst="rect">
            <a:avLst/>
          </a:prstGeom>
        </p:spPr>
        <p:txBody>
          <a:bodyPr/>
          <a:lstStyle>
            <a:lvl1pPr marL="0" indent="0" algn="ctr">
              <a:buFont typeface="Wingdings" panose="05000000000000000000" pitchFamily="2" charset="2"/>
              <a:buNone/>
              <a:defRPr sz="1500"/>
            </a:lvl1pPr>
          </a:lstStyle>
          <a:p>
            <a:pPr lvl="0"/>
            <a:r>
              <a:rPr lang="de-DE" altLang="de-DE" noProof="0"/>
              <a:t>Formatvorlage des Untertitelmasters durch Klicken bearbeiten</a:t>
            </a:r>
          </a:p>
        </p:txBody>
      </p:sp>
      <p:pic>
        <p:nvPicPr>
          <p:cNvPr id="16" name="Grafik 15"/>
          <p:cNvPicPr>
            <a:picLocks noChangeAspect="1"/>
          </p:cNvPicPr>
          <p:nvPr/>
        </p:nvPicPr>
        <p:blipFill>
          <a:blip r:embed="rId2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749034" y="224688"/>
            <a:ext cx="1927422" cy="396000"/>
          </a:xfrm>
          <a:prstGeom prst="rect">
            <a:avLst/>
          </a:prstGeom>
        </p:spPr>
      </p:pic>
      <p:cxnSp>
        <p:nvCxnSpPr>
          <p:cNvPr id="17" name="Gerade Verbindung 7"/>
          <p:cNvCxnSpPr/>
          <p:nvPr/>
        </p:nvCxnSpPr>
        <p:spPr>
          <a:xfrm>
            <a:off x="457200" y="760412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8" name="Rectangle 5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11561" y="6237288"/>
            <a:ext cx="1224831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900">
                <a:latin typeface="Frutiger CE 55 Roman"/>
              </a:defRPr>
            </a:lvl1pPr>
          </a:lstStyle>
          <a:p>
            <a:fld id="{9267E237-3A72-4660-BBBD-B8C1B03C5BD7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19" name="Rectangle 6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1836393" y="6237288"/>
            <a:ext cx="4183409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>
              <a:defRPr sz="900"/>
            </a:lvl1pPr>
          </a:lstStyle>
          <a:p>
            <a:pPr algn="l"/>
            <a:r>
              <a:rPr lang="de-DE" dirty="0"/>
              <a:t>Akademie im NLBK 		Dezernat 3.3</a:t>
            </a:r>
          </a:p>
        </p:txBody>
      </p:sp>
      <p:sp>
        <p:nvSpPr>
          <p:cNvPr id="20" name="Rectangle 7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444208" y="6237288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900"/>
            </a:lvl1pPr>
          </a:lstStyle>
          <a:p>
            <a:fld id="{3D90FFD4-DCF8-48E8-9CD9-9BC980D8512D}" type="slidenum">
              <a:rPr lang="de-DE" altLang="de-DE" smtClean="0"/>
              <a:pPr/>
              <a:t>‹Nr.›</a:t>
            </a:fld>
            <a:endParaRPr lang="de-DE" altLang="de-DE" dirty="0"/>
          </a:p>
        </p:txBody>
      </p:sp>
      <p:cxnSp>
        <p:nvCxnSpPr>
          <p:cNvPr id="21" name="Gerade Verbindung 11"/>
          <p:cNvCxnSpPr/>
          <p:nvPr/>
        </p:nvCxnSpPr>
        <p:spPr>
          <a:xfrm>
            <a:off x="457200" y="6172200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339059081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  <a:endParaRPr lang="de-DE" dirty="0"/>
          </a:p>
        </p:txBody>
      </p:sp>
      <p:sp>
        <p:nvSpPr>
          <p:cNvPr id="8" name="Inhaltsplatzhalter 7"/>
          <p:cNvSpPr>
            <a:spLocks noGrp="1"/>
          </p:cNvSpPr>
          <p:nvPr>
            <p:ph sz="quarter" idx="13"/>
          </p:nvPr>
        </p:nvSpPr>
        <p:spPr>
          <a:xfrm>
            <a:off x="457200" y="1556793"/>
            <a:ext cx="8058150" cy="4392488"/>
          </a:xfrm>
        </p:spPr>
        <p:txBody>
          <a:bodyPr/>
          <a:lstStyle/>
          <a:p>
            <a:pPr lvl="0"/>
            <a:r>
              <a:rPr lang="de-DE"/>
              <a:t>Formatvorlagen des Textmasters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  <a:endParaRPr lang="de-DE" dirty="0"/>
          </a:p>
        </p:txBody>
      </p:sp>
      <p:sp>
        <p:nvSpPr>
          <p:cNvPr id="7" name="Rectangle 5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11561" y="6237288"/>
            <a:ext cx="1224831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900">
                <a:latin typeface="Frutiger CE 55 Roman"/>
              </a:defRPr>
            </a:lvl1pPr>
          </a:lstStyle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1836393" y="6237288"/>
            <a:ext cx="4183409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>
              <a:defRPr sz="900"/>
            </a:lvl1pPr>
          </a:lstStyle>
          <a:p>
            <a:pPr algn="l"/>
            <a:r>
              <a:rPr lang="de-DE" dirty="0"/>
              <a:t>Akademie im NLBK 		Dezernat 3.3</a:t>
            </a:r>
          </a:p>
        </p:txBody>
      </p:sp>
      <p:sp>
        <p:nvSpPr>
          <p:cNvPr id="10" name="Rectangle 7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444208" y="6237288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900"/>
            </a:lvl1pPr>
          </a:lstStyle>
          <a:p>
            <a:fld id="{3D90FFD4-DCF8-48E8-9CD9-9BC980D8512D}" type="slidenum">
              <a:rPr lang="de-DE" altLang="de-DE" smtClean="0"/>
              <a:pPr/>
              <a:t>‹Nr.›</a:t>
            </a:fld>
            <a:endParaRPr lang="de-DE" altLang="de-DE" dirty="0"/>
          </a:p>
        </p:txBody>
      </p:sp>
    </p:spTree>
    <p:extLst>
      <p:ext uri="{BB962C8B-B14F-4D97-AF65-F5344CB8AC3E}">
        <p14:creationId xmlns:p14="http://schemas.microsoft.com/office/powerpoint/2010/main" val="247958644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Bil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</a:p>
        </p:txBody>
      </p:sp>
      <p:sp>
        <p:nvSpPr>
          <p:cNvPr id="8" name="Bildplatzhalter 7"/>
          <p:cNvSpPr>
            <a:spLocks noGrp="1"/>
          </p:cNvSpPr>
          <p:nvPr>
            <p:ph type="pic" sz="quarter" idx="13"/>
          </p:nvPr>
        </p:nvSpPr>
        <p:spPr>
          <a:xfrm>
            <a:off x="457200" y="1628800"/>
            <a:ext cx="8058150" cy="3960788"/>
          </a:xfrm>
        </p:spPr>
        <p:txBody>
          <a:bodyPr/>
          <a:lstStyle/>
          <a:p>
            <a:r>
              <a:rPr lang="de-DE"/>
              <a:t>Bild durch Klicken auf Symbol hinzufügen</a:t>
            </a:r>
          </a:p>
        </p:txBody>
      </p:sp>
      <p:sp>
        <p:nvSpPr>
          <p:cNvPr id="7" name="Rectangle 5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11561" y="6237288"/>
            <a:ext cx="1224831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900">
                <a:latin typeface="Frutiger CE 55 Roman"/>
              </a:defRPr>
            </a:lvl1pPr>
          </a:lstStyle>
          <a:p>
            <a:fld id="{7C79E01B-8937-4BF9-ABFA-9B909B6DA4ED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1836393" y="6237288"/>
            <a:ext cx="4183409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>
              <a:defRPr lang="de-DE" altLang="de-DE" sz="900" kern="1200" dirty="0" smtClean="0">
                <a:solidFill>
                  <a:schemeClr val="tx1"/>
                </a:solidFill>
                <a:latin typeface="Arial" panose="020B0604020202020204" pitchFamily="34" charset="0"/>
                <a:ea typeface="+mn-ea"/>
                <a:cs typeface="+mn-cs"/>
              </a:defRPr>
            </a:lvl1pPr>
          </a:lstStyle>
          <a:p>
            <a:r>
              <a:rPr lang="de-DE" dirty="0"/>
              <a:t>Akademie im NLBK 		</a:t>
            </a:r>
            <a:r>
              <a:rPr lang="de-DE" sz="900" dirty="0"/>
              <a:t>Dezernat 3.3</a:t>
            </a:r>
          </a:p>
        </p:txBody>
      </p:sp>
      <p:sp>
        <p:nvSpPr>
          <p:cNvPr id="10" name="Rectangle 7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444208" y="6237288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900"/>
            </a:lvl1pPr>
          </a:lstStyle>
          <a:p>
            <a:fld id="{3D90FFD4-DCF8-48E8-9CD9-9BC980D8512D}" type="slidenum">
              <a:rPr lang="de-DE" altLang="de-DE" smtClean="0"/>
              <a:pPr/>
              <a:t>‹Nr.›</a:t>
            </a:fld>
            <a:endParaRPr lang="de-DE" altLang="de-DE" dirty="0"/>
          </a:p>
        </p:txBody>
      </p:sp>
    </p:spTree>
    <p:extLst>
      <p:ext uri="{BB962C8B-B14F-4D97-AF65-F5344CB8AC3E}">
        <p14:creationId xmlns:p14="http://schemas.microsoft.com/office/powerpoint/2010/main" val="81437031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Tabel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</a:p>
        </p:txBody>
      </p:sp>
      <p:sp>
        <p:nvSpPr>
          <p:cNvPr id="8" name="Tabellenplatzhalter 7"/>
          <p:cNvSpPr>
            <a:spLocks noGrp="1"/>
          </p:cNvSpPr>
          <p:nvPr>
            <p:ph type="tbl" sz="quarter" idx="13"/>
          </p:nvPr>
        </p:nvSpPr>
        <p:spPr>
          <a:xfrm>
            <a:off x="457200" y="1556792"/>
            <a:ext cx="8058150" cy="4392588"/>
          </a:xfrm>
        </p:spPr>
        <p:txBody>
          <a:bodyPr/>
          <a:lstStyle/>
          <a:p>
            <a:r>
              <a:rPr lang="de-DE"/>
              <a:t>Tabelle durch Klicken auf Symbol hinzufügen</a:t>
            </a:r>
          </a:p>
        </p:txBody>
      </p:sp>
      <p:sp>
        <p:nvSpPr>
          <p:cNvPr id="7" name="Rectangle 5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11561" y="6237288"/>
            <a:ext cx="1224831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900">
                <a:latin typeface="Frutiger CE 55 Roman"/>
              </a:defRPr>
            </a:lvl1pPr>
          </a:lstStyle>
          <a:p>
            <a:fld id="{23DE7346-712B-413F-B7DF-AEEF39184830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1836393" y="6237288"/>
            <a:ext cx="4183409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>
              <a:defRPr sz="900"/>
            </a:lvl1pPr>
          </a:lstStyle>
          <a:p>
            <a:r>
              <a:rPr lang="de-DE" dirty="0"/>
              <a:t>Akademie im NLBK 		</a:t>
            </a:r>
            <a:r>
              <a:rPr lang="de-DE" sz="900" dirty="0"/>
              <a:t>Dezernat 3.3</a:t>
            </a:r>
          </a:p>
        </p:txBody>
      </p:sp>
      <p:sp>
        <p:nvSpPr>
          <p:cNvPr id="10" name="Rectangle 7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444208" y="6237288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900"/>
            </a:lvl1pPr>
          </a:lstStyle>
          <a:p>
            <a:fld id="{3D90FFD4-DCF8-48E8-9CD9-9BC980D8512D}" type="slidenum">
              <a:rPr lang="de-DE" altLang="de-DE" smtClean="0"/>
              <a:pPr/>
              <a:t>‹Nr.›</a:t>
            </a:fld>
            <a:endParaRPr lang="de-DE" altLang="de-DE" dirty="0"/>
          </a:p>
        </p:txBody>
      </p:sp>
    </p:spTree>
    <p:extLst>
      <p:ext uri="{BB962C8B-B14F-4D97-AF65-F5344CB8AC3E}">
        <p14:creationId xmlns:p14="http://schemas.microsoft.com/office/powerpoint/2010/main" val="98254727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Vide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</a:p>
        </p:txBody>
      </p:sp>
      <p:sp>
        <p:nvSpPr>
          <p:cNvPr id="7" name="Medienplatzhalter 6"/>
          <p:cNvSpPr>
            <a:spLocks noGrp="1"/>
          </p:cNvSpPr>
          <p:nvPr>
            <p:ph type="media" sz="quarter" idx="13"/>
          </p:nvPr>
        </p:nvSpPr>
        <p:spPr>
          <a:xfrm>
            <a:off x="457200" y="1628801"/>
            <a:ext cx="8058150" cy="3960440"/>
          </a:xfrm>
        </p:spPr>
        <p:txBody>
          <a:bodyPr/>
          <a:lstStyle/>
          <a:p>
            <a:r>
              <a:rPr lang="de-DE"/>
              <a:t>Mediaclip durch Klicken auf Symbol hinzufügen</a:t>
            </a:r>
          </a:p>
        </p:txBody>
      </p:sp>
      <p:sp>
        <p:nvSpPr>
          <p:cNvPr id="8" name="Rectangle 5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11561" y="6237288"/>
            <a:ext cx="1224831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900">
                <a:latin typeface="Frutiger CE 55 Roman"/>
              </a:defRPr>
            </a:lvl1pPr>
          </a:lstStyle>
          <a:p>
            <a:fld id="{D61B2DB7-FAC3-40CE-A9C1-7049AA8E9535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1836393" y="6237288"/>
            <a:ext cx="4183409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>
              <a:defRPr sz="900"/>
            </a:lvl1pPr>
          </a:lstStyle>
          <a:p>
            <a:r>
              <a:rPr lang="de-DE" dirty="0"/>
              <a:t>Akademie im NLBK 		</a:t>
            </a:r>
            <a:r>
              <a:rPr lang="de-DE" sz="900" dirty="0"/>
              <a:t>Dezernat 3.3</a:t>
            </a:r>
          </a:p>
        </p:txBody>
      </p:sp>
      <p:sp>
        <p:nvSpPr>
          <p:cNvPr id="10" name="Rectangle 7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444208" y="6237288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900"/>
            </a:lvl1pPr>
          </a:lstStyle>
          <a:p>
            <a:fld id="{3D90FFD4-DCF8-48E8-9CD9-9BC980D8512D}" type="slidenum">
              <a:rPr lang="de-DE" altLang="de-DE" smtClean="0"/>
              <a:pPr/>
              <a:t>‹Nr.›</a:t>
            </a:fld>
            <a:endParaRPr lang="de-DE" altLang="de-DE" dirty="0"/>
          </a:p>
        </p:txBody>
      </p:sp>
    </p:spTree>
    <p:extLst>
      <p:ext uri="{BB962C8B-B14F-4D97-AF65-F5344CB8AC3E}">
        <p14:creationId xmlns:p14="http://schemas.microsoft.com/office/powerpoint/2010/main" val="372618655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Gegenüberstellu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</a:p>
        </p:txBody>
      </p:sp>
      <p:sp>
        <p:nvSpPr>
          <p:cNvPr id="7" name="Inhaltsplatzhalter 6"/>
          <p:cNvSpPr>
            <a:spLocks noGrp="1"/>
          </p:cNvSpPr>
          <p:nvPr>
            <p:ph sz="quarter" idx="13"/>
          </p:nvPr>
        </p:nvSpPr>
        <p:spPr>
          <a:xfrm>
            <a:off x="274640" y="1628804"/>
            <a:ext cx="4010025" cy="4249737"/>
          </a:xfrm>
        </p:spPr>
        <p:txBody>
          <a:bodyPr/>
          <a:lstStyle/>
          <a:p>
            <a:pPr lvl="0"/>
            <a:r>
              <a:rPr lang="de-DE"/>
              <a:t>Formatvorlagen des Textmasters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  <a:endParaRPr lang="de-DE" dirty="0"/>
          </a:p>
        </p:txBody>
      </p:sp>
      <p:sp>
        <p:nvSpPr>
          <p:cNvPr id="8" name="Inhaltsplatzhalter 6"/>
          <p:cNvSpPr>
            <a:spLocks noGrp="1"/>
          </p:cNvSpPr>
          <p:nvPr>
            <p:ph sz="quarter" idx="14"/>
          </p:nvPr>
        </p:nvSpPr>
        <p:spPr>
          <a:xfrm>
            <a:off x="4505327" y="1628804"/>
            <a:ext cx="4010025" cy="4249737"/>
          </a:xfrm>
        </p:spPr>
        <p:txBody>
          <a:bodyPr/>
          <a:lstStyle/>
          <a:p>
            <a:pPr lvl="0"/>
            <a:r>
              <a:rPr lang="de-DE"/>
              <a:t>Formatvorlagen des Textmasters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  <a:endParaRPr lang="de-DE" dirty="0"/>
          </a:p>
        </p:txBody>
      </p:sp>
      <p:sp>
        <p:nvSpPr>
          <p:cNvPr id="9" name="Rectangle 5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11561" y="6237288"/>
            <a:ext cx="1224831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900">
                <a:latin typeface="Frutiger CE 55 Roman"/>
              </a:defRPr>
            </a:lvl1pPr>
          </a:lstStyle>
          <a:p>
            <a:fld id="{D3CFEE45-0732-44D3-A407-8CF2833A8E70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10" name="Rectangle 6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1836393" y="6237288"/>
            <a:ext cx="4183409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>
              <a:defRPr sz="900"/>
            </a:lvl1pPr>
          </a:lstStyle>
          <a:p>
            <a:r>
              <a:rPr lang="de-DE" dirty="0"/>
              <a:t>Akademie im NLBK 		</a:t>
            </a:r>
            <a:r>
              <a:rPr lang="de-DE" sz="900" dirty="0"/>
              <a:t>Dezernat 3.3</a:t>
            </a:r>
          </a:p>
        </p:txBody>
      </p:sp>
      <p:sp>
        <p:nvSpPr>
          <p:cNvPr id="11" name="Rectangle 7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444208" y="6237288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900"/>
            </a:lvl1pPr>
          </a:lstStyle>
          <a:p>
            <a:fld id="{3D90FFD4-DCF8-48E8-9CD9-9BC980D8512D}" type="slidenum">
              <a:rPr lang="de-DE" altLang="de-DE" smtClean="0"/>
              <a:pPr/>
              <a:t>‹Nr.›</a:t>
            </a:fld>
            <a:endParaRPr lang="de-DE" altLang="de-DE" dirty="0"/>
          </a:p>
        </p:txBody>
      </p:sp>
    </p:spTree>
    <p:extLst>
      <p:ext uri="{BB962C8B-B14F-4D97-AF65-F5344CB8AC3E}">
        <p14:creationId xmlns:p14="http://schemas.microsoft.com/office/powerpoint/2010/main" val="335724735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und freier Inhal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/>
              <a:t>Titelmasterformat durch Klicken bearbeiten</a:t>
            </a:r>
            <a:endParaRPr lang="de-DE" dirty="0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11561" y="6237288"/>
            <a:ext cx="1224831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900">
                <a:latin typeface="Frutiger CE 55 Roman"/>
              </a:defRPr>
            </a:lvl1pPr>
          </a:lstStyle>
          <a:p>
            <a:fld id="{CC83CEC6-73F3-4D46-B9AC-A2BC29DA0706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1836393" y="6237288"/>
            <a:ext cx="4183409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>
              <a:defRPr sz="900"/>
            </a:lvl1pPr>
          </a:lstStyle>
          <a:p>
            <a:r>
              <a:rPr lang="de-DE" dirty="0"/>
              <a:t>Akademie im NLBK 		</a:t>
            </a:r>
            <a:r>
              <a:rPr lang="de-DE" sz="900" dirty="0"/>
              <a:t>Dezernat 3.3</a:t>
            </a:r>
          </a:p>
        </p:txBody>
      </p:sp>
      <p:sp>
        <p:nvSpPr>
          <p:cNvPr id="8" name="Rectangle 7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444208" y="6237288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900"/>
            </a:lvl1pPr>
          </a:lstStyle>
          <a:p>
            <a:fld id="{3D90FFD4-DCF8-48E8-9CD9-9BC980D8512D}" type="slidenum">
              <a:rPr lang="de-DE" altLang="de-DE" smtClean="0"/>
              <a:pPr/>
              <a:t>‹Nr.›</a:t>
            </a:fld>
            <a:endParaRPr lang="de-DE" altLang="de-DE" dirty="0"/>
          </a:p>
        </p:txBody>
      </p:sp>
    </p:spTree>
    <p:extLst>
      <p:ext uri="{BB962C8B-B14F-4D97-AF65-F5344CB8AC3E}">
        <p14:creationId xmlns:p14="http://schemas.microsoft.com/office/powerpoint/2010/main" val="142599028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9.xml"/><Relationship Id="rId3" Type="http://schemas.openxmlformats.org/officeDocument/2006/relationships/slideLayout" Target="../slideLayouts/slideLayout4.xml"/><Relationship Id="rId7" Type="http://schemas.openxmlformats.org/officeDocument/2006/relationships/slideLayout" Target="../slideLayouts/slideLayout8.xml"/><Relationship Id="rId2" Type="http://schemas.openxmlformats.org/officeDocument/2006/relationships/slideLayout" Target="../slideLayouts/slideLayout3.xml"/><Relationship Id="rId1" Type="http://schemas.openxmlformats.org/officeDocument/2006/relationships/slideLayout" Target="../slideLayouts/slideLayout2.xml"/><Relationship Id="rId6" Type="http://schemas.openxmlformats.org/officeDocument/2006/relationships/slideLayout" Target="../slideLayouts/slideLayout7.xml"/><Relationship Id="rId11" Type="http://schemas.openxmlformats.org/officeDocument/2006/relationships/image" Target="../media/image2.jpeg"/><Relationship Id="rId5" Type="http://schemas.openxmlformats.org/officeDocument/2006/relationships/slideLayout" Target="../slideLayouts/slideLayout6.xml"/><Relationship Id="rId10" Type="http://schemas.openxmlformats.org/officeDocument/2006/relationships/theme" Target="../theme/theme2.xml"/><Relationship Id="rId4" Type="http://schemas.openxmlformats.org/officeDocument/2006/relationships/slideLayout" Target="../slideLayouts/slideLayout5.xml"/><Relationship Id="rId9" Type="http://schemas.openxmlformats.org/officeDocument/2006/relationships/slideLayout" Target="../slideLayouts/slideLayout1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Grafik 1"/>
          <p:cNvPicPr>
            <a:picLocks noChangeAspect="1"/>
          </p:cNvPicPr>
          <p:nvPr/>
        </p:nvPicPr>
        <p:blipFill>
          <a:blip r:embed="rId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843809" y="5373216"/>
            <a:ext cx="3504410" cy="72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5281643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</p:sldLayoutIdLst>
  <p:txStyles>
    <p:titleStyle>
      <a:lvl1pPr algn="ctr" defTabSz="342900" rtl="0" eaLnBrk="1" latinLnBrk="0" hangingPunct="1">
        <a:spcBef>
          <a:spcPct val="0"/>
        </a:spcBef>
        <a:buNone/>
        <a:defRPr sz="33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57175" indent="-257175" algn="l" defTabSz="3429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557213" indent="-214313" algn="l" defTabSz="342900" rtl="0" eaLnBrk="1" latinLnBrk="0" hangingPunct="1">
        <a:spcBef>
          <a:spcPct val="20000"/>
        </a:spcBef>
        <a:buFont typeface="Arial"/>
        <a:buChar char="–"/>
        <a:defRPr sz="2100" kern="1200">
          <a:solidFill>
            <a:schemeClr val="tx1"/>
          </a:solidFill>
          <a:latin typeface="+mn-lt"/>
          <a:ea typeface="+mn-ea"/>
          <a:cs typeface="+mn-cs"/>
        </a:defRPr>
      </a:lvl2pPr>
      <a:lvl3pPr marL="857250" indent="-171450" algn="l" defTabSz="342900" rtl="0" eaLnBrk="1" latinLnBrk="0" hangingPunct="1">
        <a:spcBef>
          <a:spcPct val="20000"/>
        </a:spcBef>
        <a:buFont typeface="Arial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200150" indent="-171450" algn="l" defTabSz="342900" rtl="0" eaLnBrk="1" latinLnBrk="0" hangingPunct="1">
        <a:spcBef>
          <a:spcPct val="20000"/>
        </a:spcBef>
        <a:buFont typeface="Arial"/>
        <a:buChar char="–"/>
        <a:defRPr sz="1500" kern="1200">
          <a:solidFill>
            <a:schemeClr val="tx1"/>
          </a:solidFill>
          <a:latin typeface="+mn-lt"/>
          <a:ea typeface="+mn-ea"/>
          <a:cs typeface="+mn-cs"/>
        </a:defRPr>
      </a:lvl4pPr>
      <a:lvl5pPr marL="1543050" indent="-171450" algn="l" defTabSz="342900" rtl="0" eaLnBrk="1" latinLnBrk="0" hangingPunct="1">
        <a:spcBef>
          <a:spcPct val="20000"/>
        </a:spcBef>
        <a:buFont typeface="Arial"/>
        <a:buChar char="»"/>
        <a:defRPr sz="1500" kern="1200">
          <a:solidFill>
            <a:schemeClr val="tx1"/>
          </a:solidFill>
          <a:latin typeface="+mn-lt"/>
          <a:ea typeface="+mn-ea"/>
          <a:cs typeface="+mn-cs"/>
        </a:defRPr>
      </a:lvl5pPr>
      <a:lvl6pPr marL="1885950" indent="-171450" algn="l" defTabSz="342900" rtl="0" eaLnBrk="1" latinLnBrk="0" hangingPunct="1">
        <a:spcBef>
          <a:spcPct val="20000"/>
        </a:spcBef>
        <a:buFont typeface="Arial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342900" rtl="0" eaLnBrk="1" latinLnBrk="0" hangingPunct="1">
        <a:spcBef>
          <a:spcPct val="20000"/>
        </a:spcBef>
        <a:buFont typeface="Arial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342900" rtl="0" eaLnBrk="1" latinLnBrk="0" hangingPunct="1">
        <a:spcBef>
          <a:spcPct val="20000"/>
        </a:spcBef>
        <a:buFont typeface="Arial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342900" rtl="0" eaLnBrk="1" latinLnBrk="0" hangingPunct="1">
        <a:spcBef>
          <a:spcPct val="20000"/>
        </a:spcBef>
        <a:buFont typeface="Arial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3429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7765" name="Rectangle 5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11561" y="6237288"/>
            <a:ext cx="1224831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900">
                <a:latin typeface="Frutiger CE 55 Roman"/>
              </a:defRPr>
            </a:lvl1pPr>
          </a:lstStyle>
          <a:p>
            <a:fld id="{FFBC0FFF-651D-43ED-B3C6-F64335C8147F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117766" name="Rectangle 6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1836393" y="6237288"/>
            <a:ext cx="4183409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ctr">
              <a:defRPr sz="900"/>
            </a:lvl1pPr>
          </a:lstStyle>
          <a:p>
            <a:r>
              <a:rPr lang="de-DE" dirty="0"/>
              <a:t>Akademie im NLBK 		</a:t>
            </a:r>
            <a:r>
              <a:rPr lang="de-DE" sz="900" dirty="0"/>
              <a:t>Dezernat 3.3</a:t>
            </a:r>
          </a:p>
        </p:txBody>
      </p:sp>
      <p:sp>
        <p:nvSpPr>
          <p:cNvPr id="117767" name="Rectangle 7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444208" y="6237288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900"/>
            </a:lvl1pPr>
          </a:lstStyle>
          <a:p>
            <a:fld id="{3D90FFD4-DCF8-48E8-9CD9-9BC980D8512D}" type="slidenum">
              <a:rPr lang="de-DE" altLang="de-DE" smtClean="0"/>
              <a:pPr/>
              <a:t>‹Nr.›</a:t>
            </a:fld>
            <a:endParaRPr lang="de-DE" altLang="de-DE" dirty="0"/>
          </a:p>
        </p:txBody>
      </p:sp>
      <p:sp>
        <p:nvSpPr>
          <p:cNvPr id="2" name="Titelplatzhalter 1"/>
          <p:cNvSpPr>
            <a:spLocks noGrp="1"/>
          </p:cNvSpPr>
          <p:nvPr>
            <p:ph type="title"/>
          </p:nvPr>
        </p:nvSpPr>
        <p:spPr>
          <a:xfrm>
            <a:off x="457200" y="183545"/>
            <a:ext cx="8058150" cy="468312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de-DE" dirty="0"/>
              <a:t>Titelmasterformat durch Klicken bearbeiten </a:t>
            </a:r>
          </a:p>
        </p:txBody>
      </p:sp>
      <p:sp>
        <p:nvSpPr>
          <p:cNvPr id="3" name="Textplatzhalter 2"/>
          <p:cNvSpPr>
            <a:spLocks noGrp="1"/>
          </p:cNvSpPr>
          <p:nvPr>
            <p:ph type="body" idx="1"/>
          </p:nvPr>
        </p:nvSpPr>
        <p:spPr>
          <a:xfrm>
            <a:off x="457200" y="1556792"/>
            <a:ext cx="8058150" cy="439248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de-DE" dirty="0"/>
              <a:t>Textmasterformat bearbeiten</a:t>
            </a:r>
          </a:p>
          <a:p>
            <a:pPr lvl="1"/>
            <a:r>
              <a:rPr lang="de-DE" dirty="0"/>
              <a:t>Zweite Ebene</a:t>
            </a:r>
          </a:p>
          <a:p>
            <a:pPr lvl="2"/>
            <a:r>
              <a:rPr lang="de-DE" dirty="0"/>
              <a:t>Dritte Ebene</a:t>
            </a:r>
          </a:p>
          <a:p>
            <a:pPr lvl="3"/>
            <a:r>
              <a:rPr lang="de-DE" dirty="0"/>
              <a:t>Vierte Ebene</a:t>
            </a:r>
          </a:p>
          <a:p>
            <a:pPr lvl="4"/>
            <a:r>
              <a:rPr lang="de-DE" dirty="0"/>
              <a:t>Fünfte Ebene</a:t>
            </a:r>
          </a:p>
        </p:txBody>
      </p:sp>
      <p:pic>
        <p:nvPicPr>
          <p:cNvPr id="12" name="Grafik 11"/>
          <p:cNvPicPr>
            <a:picLocks noChangeAspect="1"/>
          </p:cNvPicPr>
          <p:nvPr/>
        </p:nvPicPr>
        <p:blipFill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749034" y="224688"/>
            <a:ext cx="1927422" cy="396000"/>
          </a:xfrm>
          <a:prstGeom prst="rect">
            <a:avLst/>
          </a:prstGeom>
        </p:spPr>
      </p:pic>
      <p:cxnSp>
        <p:nvCxnSpPr>
          <p:cNvPr id="13" name="Gerade Verbindung 11"/>
          <p:cNvCxnSpPr/>
          <p:nvPr/>
        </p:nvCxnSpPr>
        <p:spPr>
          <a:xfrm>
            <a:off x="457200" y="6172200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6" name="Gerade Verbindung 7"/>
          <p:cNvCxnSpPr/>
          <p:nvPr/>
        </p:nvCxnSpPr>
        <p:spPr>
          <a:xfrm>
            <a:off x="457200" y="760412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64424805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4" r:id="rId1"/>
    <p:sldLayoutId id="2147483665" r:id="rId2"/>
    <p:sldLayoutId id="2147483666" r:id="rId3"/>
    <p:sldLayoutId id="2147483667" r:id="rId4"/>
    <p:sldLayoutId id="2147483668" r:id="rId5"/>
    <p:sldLayoutId id="2147483669" r:id="rId6"/>
    <p:sldLayoutId id="2147483670" r:id="rId7"/>
    <p:sldLayoutId id="2147483671" r:id="rId8"/>
    <p:sldLayoutId id="2147483672" r:id="rId9"/>
  </p:sldLayoutIdLst>
  <p:hf sldNum="0" hdr="0"/>
  <p:txStyles>
    <p:titleStyle>
      <a:lvl1pPr algn="l" rtl="0" eaLnBrk="1" fontAlgn="base" hangingPunct="1">
        <a:spcBef>
          <a:spcPct val="0"/>
        </a:spcBef>
        <a:spcAft>
          <a:spcPct val="0"/>
        </a:spcAft>
        <a:defRPr sz="900" b="1" kern="1200">
          <a:solidFill>
            <a:schemeClr val="tx1"/>
          </a:solidFill>
          <a:latin typeface="Frutiger CE 55 Roman"/>
          <a:ea typeface="+mj-ea"/>
          <a:cs typeface="+mj-cs"/>
        </a:defRPr>
      </a:lvl1pPr>
      <a:lvl2pPr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2pPr>
      <a:lvl3pPr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3pPr>
      <a:lvl4pPr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4pPr>
      <a:lvl5pPr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5pPr>
      <a:lvl6pPr marL="342900"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6pPr>
      <a:lvl7pPr marL="685800"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7pPr>
      <a:lvl8pPr marL="1028700"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8pPr>
      <a:lvl9pPr marL="1371600" algn="l" rtl="0" eaLnBrk="1" fontAlgn="base" hangingPunct="1">
        <a:spcBef>
          <a:spcPct val="0"/>
        </a:spcBef>
        <a:spcAft>
          <a:spcPct val="0"/>
        </a:spcAft>
        <a:defRPr b="1">
          <a:solidFill>
            <a:schemeClr val="bg1"/>
          </a:solidFill>
          <a:latin typeface="Arial" panose="020B0604020202020204" pitchFamily="34" charset="0"/>
        </a:defRPr>
      </a:lvl9pPr>
    </p:titleStyle>
    <p:bodyStyle>
      <a:lvl1pPr marL="257175" indent="-257175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n"/>
        <a:defRPr sz="1800" kern="1200">
          <a:solidFill>
            <a:schemeClr val="tx1"/>
          </a:solidFill>
          <a:latin typeface="Frutiger CE 55 Roman"/>
          <a:ea typeface="+mn-ea"/>
          <a:cs typeface="+mn-cs"/>
        </a:defRPr>
      </a:lvl1pPr>
      <a:lvl2pPr marL="557213" indent="-214313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o"/>
        <a:defRPr sz="1500" kern="1200">
          <a:solidFill>
            <a:schemeClr val="tx1"/>
          </a:solidFill>
          <a:latin typeface="Frutiger CE 55 Roman"/>
          <a:ea typeface="+mn-ea"/>
          <a:cs typeface="+mn-cs"/>
        </a:defRPr>
      </a:lvl2pPr>
      <a:lvl3pPr marL="857250" indent="-171450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u"/>
        <a:defRPr sz="1400" kern="1200">
          <a:solidFill>
            <a:schemeClr val="tx1"/>
          </a:solidFill>
          <a:latin typeface="Frutiger CE 55 Roman"/>
          <a:ea typeface="+mn-ea"/>
          <a:cs typeface="+mn-cs"/>
        </a:defRPr>
      </a:lvl3pPr>
      <a:lvl4pPr marL="1200150" indent="-171450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v"/>
        <a:defRPr sz="1200" kern="1200">
          <a:solidFill>
            <a:schemeClr val="tx1"/>
          </a:solidFill>
          <a:latin typeface="Frutiger CE 55 Roman"/>
          <a:ea typeface="+mn-ea"/>
          <a:cs typeface="+mn-cs"/>
        </a:defRPr>
      </a:lvl4pPr>
      <a:lvl5pPr marL="1543050" indent="-171450" algn="l" rtl="0" eaLnBrk="1" fontAlgn="base" hangingPunct="1">
        <a:spcBef>
          <a:spcPct val="20000"/>
        </a:spcBef>
        <a:spcAft>
          <a:spcPct val="0"/>
        </a:spcAft>
        <a:buClrTx/>
        <a:buSzPct val="80000"/>
        <a:buFont typeface="Wingdings" panose="05000000000000000000" pitchFamily="2" charset="2"/>
        <a:buChar char="m"/>
        <a:defRPr sz="1050" kern="1200">
          <a:solidFill>
            <a:schemeClr val="tx1"/>
          </a:solidFill>
          <a:latin typeface="Frutiger CE 55 Roman"/>
          <a:ea typeface="+mn-ea"/>
          <a:cs typeface="+mn-cs"/>
        </a:defRPr>
      </a:lvl5pPr>
      <a:lvl6pPr marL="18859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3.jpe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1.xml"/><Relationship Id="rId4" Type="http://schemas.openxmlformats.org/officeDocument/2006/relationships/image" Target="../media/image16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2.xml"/><Relationship Id="rId4" Type="http://schemas.openxmlformats.org/officeDocument/2006/relationships/image" Target="../media/image16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3.xml"/><Relationship Id="rId4" Type="http://schemas.openxmlformats.org/officeDocument/2006/relationships/image" Target="../media/image16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4.xml"/><Relationship Id="rId4" Type="http://schemas.openxmlformats.org/officeDocument/2006/relationships/image" Target="../media/image16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5.xml"/><Relationship Id="rId4" Type="http://schemas.openxmlformats.org/officeDocument/2006/relationships/image" Target="../media/image16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6.xml"/><Relationship Id="rId4" Type="http://schemas.openxmlformats.org/officeDocument/2006/relationships/image" Target="../media/image16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Relationship Id="rId5" Type="http://schemas.microsoft.com/office/2007/relationships/hdphoto" Target="../media/hdphoto7.wdp"/><Relationship Id="rId4" Type="http://schemas.openxmlformats.org/officeDocument/2006/relationships/image" Target="../media/image17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8.xml"/><Relationship Id="rId5" Type="http://schemas.microsoft.com/office/2007/relationships/hdphoto" Target="../media/hdphoto8.wdp"/><Relationship Id="rId4" Type="http://schemas.openxmlformats.org/officeDocument/2006/relationships/image" Target="../media/image18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9.xml"/><Relationship Id="rId5" Type="http://schemas.microsoft.com/office/2007/relationships/hdphoto" Target="../media/hdphoto9.wdp"/><Relationship Id="rId4" Type="http://schemas.openxmlformats.org/officeDocument/2006/relationships/image" Target="../media/image19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0.xml"/><Relationship Id="rId5" Type="http://schemas.microsoft.com/office/2007/relationships/hdphoto" Target="../media/hdphoto10.wdp"/><Relationship Id="rId4" Type="http://schemas.openxmlformats.org/officeDocument/2006/relationships/image" Target="../media/image20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5" Type="http://schemas.microsoft.com/office/2007/relationships/hdphoto" Target="../media/hdphoto1.wdp"/><Relationship Id="rId4" Type="http://schemas.openxmlformats.org/officeDocument/2006/relationships/image" Target="../media/image4.png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hyperlink" Target="https://publikationen.dguv.de/widgets/pdf/download/article/874" TargetMode="External"/><Relationship Id="rId3" Type="http://schemas.openxmlformats.org/officeDocument/2006/relationships/notesSlide" Target="../notesSlides/notesSlide20.xml"/><Relationship Id="rId7" Type="http://schemas.microsoft.com/office/2007/relationships/hdphoto" Target="../media/hdphoto11.wdp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1.xml"/><Relationship Id="rId6" Type="http://schemas.openxmlformats.org/officeDocument/2006/relationships/image" Target="../media/image21.png"/><Relationship Id="rId5" Type="http://schemas.microsoft.com/office/2007/relationships/hdphoto" Target="../media/hdphoto10.wdp"/><Relationship Id="rId10" Type="http://schemas.openxmlformats.org/officeDocument/2006/relationships/image" Target="../media/image23.png"/><Relationship Id="rId4" Type="http://schemas.openxmlformats.org/officeDocument/2006/relationships/image" Target="../media/image20.png"/><Relationship Id="rId9" Type="http://schemas.openxmlformats.org/officeDocument/2006/relationships/image" Target="../media/image22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2.xml"/><Relationship Id="rId5" Type="http://schemas.microsoft.com/office/2007/relationships/hdphoto" Target="../media/hdphoto10.wdp"/><Relationship Id="rId4" Type="http://schemas.openxmlformats.org/officeDocument/2006/relationships/image" Target="../media/image20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3.xml"/><Relationship Id="rId5" Type="http://schemas.microsoft.com/office/2007/relationships/hdphoto" Target="../media/hdphoto10.wdp"/><Relationship Id="rId4" Type="http://schemas.openxmlformats.org/officeDocument/2006/relationships/image" Target="../media/image20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4.xml"/><Relationship Id="rId5" Type="http://schemas.microsoft.com/office/2007/relationships/hdphoto" Target="../media/hdphoto12.wdp"/><Relationship Id="rId4" Type="http://schemas.openxmlformats.org/officeDocument/2006/relationships/image" Target="../media/image24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5.xml"/><Relationship Id="rId5" Type="http://schemas.microsoft.com/office/2007/relationships/hdphoto" Target="../media/hdphoto13.wdp"/><Relationship Id="rId4" Type="http://schemas.openxmlformats.org/officeDocument/2006/relationships/image" Target="../media/image25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6.xml"/><Relationship Id="rId6" Type="http://schemas.openxmlformats.org/officeDocument/2006/relationships/image" Target="../media/image26.png"/><Relationship Id="rId5" Type="http://schemas.microsoft.com/office/2007/relationships/hdphoto" Target="../media/hdphoto13.wdp"/><Relationship Id="rId4" Type="http://schemas.openxmlformats.org/officeDocument/2006/relationships/image" Target="../media/image25.png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9.png"/><Relationship Id="rId3" Type="http://schemas.openxmlformats.org/officeDocument/2006/relationships/notesSlide" Target="../notesSlides/notesSlide26.xml"/><Relationship Id="rId7" Type="http://schemas.openxmlformats.org/officeDocument/2006/relationships/image" Target="../media/image28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7.xml"/><Relationship Id="rId6" Type="http://schemas.openxmlformats.org/officeDocument/2006/relationships/image" Target="../media/image27.png"/><Relationship Id="rId11" Type="http://schemas.openxmlformats.org/officeDocument/2006/relationships/image" Target="../media/image32.png"/><Relationship Id="rId5" Type="http://schemas.microsoft.com/office/2007/relationships/hdphoto" Target="../media/hdphoto13.wdp"/><Relationship Id="rId10" Type="http://schemas.openxmlformats.org/officeDocument/2006/relationships/image" Target="../media/image31.png"/><Relationship Id="rId4" Type="http://schemas.openxmlformats.org/officeDocument/2006/relationships/image" Target="../media/image25.png"/><Relationship Id="rId9" Type="http://schemas.openxmlformats.org/officeDocument/2006/relationships/image" Target="../media/image30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8.xml"/><Relationship Id="rId6" Type="http://schemas.microsoft.com/office/2007/relationships/hdphoto" Target="../media/hdphoto13.wdp"/><Relationship Id="rId5" Type="http://schemas.openxmlformats.org/officeDocument/2006/relationships/image" Target="../media/image25.png"/><Relationship Id="rId4" Type="http://schemas.openxmlformats.org/officeDocument/2006/relationships/image" Target="../media/image33.png"/></Relationships>
</file>

<file path=ppt/slides/_rels/slide3.xml.rels><?xml version="1.0" encoding="UTF-8" standalone="yes"?>
<Relationships xmlns="http://schemas.openxmlformats.org/package/2006/relationships"><Relationship Id="rId8" Type="http://schemas.microsoft.com/office/2007/relationships/hdphoto" Target="../media/hdphoto3.wdp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4.xml"/><Relationship Id="rId6" Type="http://schemas.openxmlformats.org/officeDocument/2006/relationships/image" Target="../media/image6.png"/><Relationship Id="rId5" Type="http://schemas.microsoft.com/office/2007/relationships/hdphoto" Target="../media/hdphoto2.wdp"/><Relationship Id="rId10" Type="http://schemas.microsoft.com/office/2007/relationships/hdphoto" Target="../media/hdphoto4.wdp"/><Relationship Id="rId4" Type="http://schemas.openxmlformats.org/officeDocument/2006/relationships/image" Target="../media/image5.png"/><Relationship Id="rId9" Type="http://schemas.openxmlformats.org/officeDocument/2006/relationships/image" Target="../media/image8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5" Type="http://schemas.microsoft.com/office/2007/relationships/hdphoto" Target="../media/hdphoto5.wdp"/><Relationship Id="rId4" Type="http://schemas.openxmlformats.org/officeDocument/2006/relationships/image" Target="../media/image9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Relationship Id="rId6" Type="http://schemas.openxmlformats.org/officeDocument/2006/relationships/image" Target="../media/image11.png"/><Relationship Id="rId5" Type="http://schemas.microsoft.com/office/2007/relationships/hdphoto" Target="../media/hdphoto6.wdp"/><Relationship Id="rId4" Type="http://schemas.openxmlformats.org/officeDocument/2006/relationships/image" Target="../media/image10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4" Type="http://schemas.openxmlformats.org/officeDocument/2006/relationships/image" Target="../media/image12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8.xml"/><Relationship Id="rId6" Type="http://schemas.openxmlformats.org/officeDocument/2006/relationships/image" Target="../media/image14.png"/><Relationship Id="rId5" Type="http://schemas.openxmlformats.org/officeDocument/2006/relationships/image" Target="../media/image12.png"/><Relationship Id="rId4" Type="http://schemas.openxmlformats.org/officeDocument/2006/relationships/image" Target="../media/image13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4" Type="http://schemas.openxmlformats.org/officeDocument/2006/relationships/image" Target="../media/image15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0.xml"/><Relationship Id="rId4" Type="http://schemas.openxmlformats.org/officeDocument/2006/relationships/image" Target="../media/image1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el 3"/>
          <p:cNvSpPr>
            <a:spLocks noGrp="1"/>
          </p:cNvSpPr>
          <p:nvPr>
            <p:ph type="ctrTitle"/>
          </p:nvPr>
        </p:nvSpPr>
        <p:spPr>
          <a:xfrm>
            <a:off x="3600000" y="3420000"/>
            <a:ext cx="4629600" cy="1447800"/>
          </a:xfrm>
        </p:spPr>
        <p:txBody>
          <a:bodyPr/>
          <a:lstStyle/>
          <a:p>
            <a:r>
              <a:rPr lang="de-DE" dirty="0"/>
              <a:t>Modul 10-2</a:t>
            </a:r>
            <a:br>
              <a:rPr lang="de-DE" dirty="0"/>
            </a:br>
            <a:br>
              <a:rPr lang="de-DE" dirty="0"/>
            </a:br>
            <a:r>
              <a:rPr lang="de-DE" dirty="0"/>
              <a:t>ABC Gefahren und Verhalten im Einsatz</a:t>
            </a:r>
          </a:p>
        </p:txBody>
      </p:sp>
      <p:pic>
        <p:nvPicPr>
          <p:cNvPr id="6" name="Bildplatzhalter 4"/>
          <p:cNvPicPr>
            <a:picLocks noGrp="1" noChangeAspect="1"/>
          </p:cNvPicPr>
          <p:nvPr>
            <p:ph type="pic" sz="quarter" idx="10"/>
          </p:nvPr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1319552763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Gruppe im ABC-Einsatz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Bildplatzhalter 4" descr="Ein Bild, das Text, Strichzeichnung enthält.&#10;&#10;Automatisch generierte Beschreibung">
            <a:extLst>
              <a:ext uri="{FF2B5EF4-FFF2-40B4-BE49-F238E27FC236}">
                <a16:creationId xmlns:a16="http://schemas.microsoft.com/office/drawing/2014/main" id="{EC87B86E-0F24-4F2E-91C6-0E5C1A64BD4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2451127" y="93701"/>
            <a:ext cx="425250" cy="648000"/>
          </a:xfrm>
          <a:prstGeom prst="rect">
            <a:avLst/>
          </a:prstGeom>
        </p:spPr>
      </p:pic>
      <p:sp>
        <p:nvSpPr>
          <p:cNvPr id="18" name="Text Box 8"/>
          <p:cNvSpPr txBox="1">
            <a:spLocks noChangeArrowheads="1"/>
          </p:cNvSpPr>
          <p:nvPr/>
        </p:nvSpPr>
        <p:spPr bwMode="auto">
          <a:xfrm>
            <a:off x="1332116" y="1430629"/>
            <a:ext cx="2807866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de-DE" altLang="de-DE" sz="1800" b="1" dirty="0">
                <a:latin typeface="Frutiger CE 55 Roman"/>
              </a:rPr>
              <a:t>Gruppenführer</a:t>
            </a:r>
          </a:p>
        </p:txBody>
      </p:sp>
      <p:sp>
        <p:nvSpPr>
          <p:cNvPr id="19" name="Text Box 10"/>
          <p:cNvSpPr txBox="1">
            <a:spLocks noChangeArrowheads="1"/>
          </p:cNvSpPr>
          <p:nvPr/>
        </p:nvSpPr>
        <p:spPr bwMode="auto">
          <a:xfrm>
            <a:off x="252000" y="2404277"/>
            <a:ext cx="8640000" cy="369331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85725" indent="-85725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Festlegen des Gefahrenbereiches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Erkundung außerhalb des Gefahrenbereiches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Entscheidet über die erforderlichen Einsatzmaßnahmen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Kontaktierung von fachkundigen Personen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Überwachung des Einsatzes (Personal) sowie Verantwortung für das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Betreten und Verlassen des Gefahrenbereiches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Nachforderung weiterer Kräfte </a:t>
            </a:r>
            <a:r>
              <a:rPr lang="de-DE" altLang="de-DE" sz="1800" dirty="0">
                <a:latin typeface="Frutiger CE 55 Roman"/>
                <a:sym typeface="Wingdings" panose="05000000000000000000" pitchFamily="2" charset="2"/>
              </a:rPr>
              <a:t> </a:t>
            </a:r>
            <a:r>
              <a:rPr lang="de-DE" altLang="de-DE" sz="1800" dirty="0" err="1">
                <a:latin typeface="Frutiger CE 55 Roman"/>
                <a:sym typeface="Wingdings" panose="05000000000000000000" pitchFamily="2" charset="2"/>
              </a:rPr>
              <a:t>Dekon</a:t>
            </a:r>
            <a:r>
              <a:rPr lang="de-DE" altLang="de-DE" sz="1800" dirty="0">
                <a:latin typeface="Frutiger CE 55 Roman"/>
                <a:sym typeface="Wingdings" panose="05000000000000000000" pitchFamily="2" charset="2"/>
              </a:rPr>
              <a:t>-Einheit sowie Isoliergeräte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  <a:sym typeface="Wingdings" panose="05000000000000000000" pitchFamily="2" charset="2"/>
              </a:rPr>
              <a:t>Stehen PA und notwendige Schutzausrüstung (incl. Personal) nicht zur              Verfügung, so ist der Einsatz rechtzeitig zu unterbrechen</a:t>
            </a:r>
            <a:endParaRPr lang="de-DE" altLang="de-DE" sz="1800" dirty="0">
              <a:latin typeface="Frutiger CE 55 Roman"/>
            </a:endParaRPr>
          </a:p>
        </p:txBody>
      </p:sp>
      <p:grpSp>
        <p:nvGrpSpPr>
          <p:cNvPr id="20" name="Gruppieren 11"/>
          <p:cNvGrpSpPr/>
          <p:nvPr/>
        </p:nvGrpSpPr>
        <p:grpSpPr>
          <a:xfrm>
            <a:off x="252000" y="936786"/>
            <a:ext cx="1080116" cy="1182565"/>
            <a:chOff x="3869667" y="2124096"/>
            <a:chExt cx="1080116" cy="1182565"/>
          </a:xfrm>
        </p:grpSpPr>
        <p:sp>
          <p:nvSpPr>
            <p:cNvPr id="21" name="Raute 3"/>
            <p:cNvSpPr/>
            <p:nvPr/>
          </p:nvSpPr>
          <p:spPr>
            <a:xfrm>
              <a:off x="3869667" y="2298554"/>
              <a:ext cx="1080116" cy="1008107"/>
            </a:xfrm>
            <a:custGeom>
              <a:avLst/>
              <a:gdLst>
                <a:gd name="f0" fmla="val w"/>
                <a:gd name="f1" fmla="val h"/>
                <a:gd name="f2" fmla="val ss"/>
                <a:gd name="f3" fmla="val 0"/>
                <a:gd name="f4" fmla="abs f0"/>
                <a:gd name="f5" fmla="abs f1"/>
                <a:gd name="f6" fmla="abs f2"/>
                <a:gd name="f7" fmla="?: f4 f0 1"/>
                <a:gd name="f8" fmla="?: f5 f1 1"/>
                <a:gd name="f9" fmla="?: f6 f2 1"/>
                <a:gd name="f10" fmla="*/ f7 1 21600"/>
                <a:gd name="f11" fmla="*/ f8 1 21600"/>
                <a:gd name="f12" fmla="*/ 21600 f7 1"/>
                <a:gd name="f13" fmla="*/ 21600 f8 1"/>
                <a:gd name="f14" fmla="min f11 f10"/>
                <a:gd name="f15" fmla="*/ f12 1 f9"/>
                <a:gd name="f16" fmla="*/ f13 1 f9"/>
                <a:gd name="f17" fmla="val f15"/>
                <a:gd name="f18" fmla="val f16"/>
                <a:gd name="f19" fmla="*/ f3 f14 1"/>
                <a:gd name="f20" fmla="+- f18 0 f3"/>
                <a:gd name="f21" fmla="+- f17 0 f3"/>
                <a:gd name="f22" fmla="*/ f17 f14 1"/>
                <a:gd name="f23" fmla="*/ f18 f14 1"/>
                <a:gd name="f24" fmla="*/ f20 1 2"/>
                <a:gd name="f25" fmla="*/ f20 1 4"/>
                <a:gd name="f26" fmla="*/ f21 1 2"/>
                <a:gd name="f27" fmla="*/ f21 1 4"/>
                <a:gd name="f28" fmla="*/ f21 3 1"/>
                <a:gd name="f29" fmla="*/ f20 3 1"/>
                <a:gd name="f30" fmla="+- f3 f24 0"/>
                <a:gd name="f31" fmla="+- f3 f26 0"/>
                <a:gd name="f32" fmla="*/ f28 1 4"/>
                <a:gd name="f33" fmla="*/ f29 1 4"/>
                <a:gd name="f34" fmla="*/ f27 f14 1"/>
                <a:gd name="f35" fmla="*/ f25 f14 1"/>
                <a:gd name="f36" fmla="*/ f32 f14 1"/>
                <a:gd name="f37" fmla="*/ f33 f14 1"/>
                <a:gd name="f38" fmla="*/ f30 f14 1"/>
                <a:gd name="f39" fmla="*/ f31 f1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f34" t="f35" r="f36" b="f37"/>
              <a:pathLst>
                <a:path>
                  <a:moveTo>
                    <a:pt x="f19" y="f38"/>
                  </a:moveTo>
                  <a:lnTo>
                    <a:pt x="f39" y="f19"/>
                  </a:lnTo>
                  <a:lnTo>
                    <a:pt x="f22" y="f38"/>
                  </a:lnTo>
                  <a:lnTo>
                    <a:pt x="f39" y="f23"/>
                  </a:lnTo>
                  <a:close/>
                </a:path>
              </a:pathLst>
            </a:custGeom>
            <a:noFill/>
            <a:ln w="38103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22" name="Gleichschenkliges Dreieck 23"/>
            <p:cNvSpPr/>
            <p:nvPr/>
          </p:nvSpPr>
          <p:spPr>
            <a:xfrm>
              <a:off x="4200204" y="2281958"/>
              <a:ext cx="425909" cy="225363"/>
            </a:xfrm>
            <a:custGeom>
              <a:avLst/>
              <a:gdLst>
                <a:gd name="f0" fmla="val 10800000"/>
                <a:gd name="f1" fmla="val 5400000"/>
                <a:gd name="f2" fmla="val 180"/>
                <a:gd name="f3" fmla="val w"/>
                <a:gd name="f4" fmla="val h"/>
                <a:gd name="f5" fmla="val ss"/>
                <a:gd name="f6" fmla="val 0"/>
                <a:gd name="f7" fmla="val 50000"/>
                <a:gd name="f8" fmla="+- 0 0 -360"/>
                <a:gd name="f9" fmla="+- 0 0 -270"/>
                <a:gd name="f10" fmla="+- 0 0 -180"/>
                <a:gd name="f11" fmla="+- 0 0 -90"/>
                <a:gd name="f12" fmla="abs f3"/>
                <a:gd name="f13" fmla="abs f4"/>
                <a:gd name="f14" fmla="abs f5"/>
                <a:gd name="f15" fmla="*/ f8 f0 1"/>
                <a:gd name="f16" fmla="*/ f9 f0 1"/>
                <a:gd name="f17" fmla="*/ f10 f0 1"/>
                <a:gd name="f18" fmla="*/ f11 f0 1"/>
                <a:gd name="f19" fmla="?: f12 f3 1"/>
                <a:gd name="f20" fmla="?: f13 f4 1"/>
                <a:gd name="f21" fmla="?: f14 f5 1"/>
                <a:gd name="f22" fmla="*/ f15 1 f2"/>
                <a:gd name="f23" fmla="*/ f16 1 f2"/>
                <a:gd name="f24" fmla="*/ f17 1 f2"/>
                <a:gd name="f25" fmla="*/ f18 1 f2"/>
                <a:gd name="f26" fmla="*/ f19 1 21600"/>
                <a:gd name="f27" fmla="*/ f20 1 21600"/>
                <a:gd name="f28" fmla="*/ 21600 f19 1"/>
                <a:gd name="f29" fmla="*/ 21600 f20 1"/>
                <a:gd name="f30" fmla="+- f22 0 f1"/>
                <a:gd name="f31" fmla="+- f23 0 f1"/>
                <a:gd name="f32" fmla="+- f24 0 f1"/>
                <a:gd name="f33" fmla="+- f25 0 f1"/>
                <a:gd name="f34" fmla="min f27 f26"/>
                <a:gd name="f35" fmla="*/ f28 1 f21"/>
                <a:gd name="f36" fmla="*/ f29 1 f21"/>
                <a:gd name="f37" fmla="val f35"/>
                <a:gd name="f38" fmla="val f36"/>
                <a:gd name="f39" fmla="*/ f6 f34 1"/>
                <a:gd name="f40" fmla="+- f38 0 f6"/>
                <a:gd name="f41" fmla="+- f37 0 f6"/>
                <a:gd name="f42" fmla="*/ f38 f34 1"/>
                <a:gd name="f43" fmla="*/ f37 f34 1"/>
                <a:gd name="f44" fmla="*/ f40 1 2"/>
                <a:gd name="f45" fmla="*/ f41 1 2"/>
                <a:gd name="f46" fmla="*/ f41 f7 1"/>
                <a:gd name="f47" fmla="+- f6 f44 0"/>
                <a:gd name="f48" fmla="*/ f46 1 200000"/>
                <a:gd name="f49" fmla="*/ f46 1 100000"/>
                <a:gd name="f50" fmla="+- f48 f45 0"/>
                <a:gd name="f51" fmla="*/ f48 f34 1"/>
                <a:gd name="f52" fmla="*/ f47 f34 1"/>
                <a:gd name="f53" fmla="*/ f49 f34 1"/>
                <a:gd name="f54" fmla="*/ f50 f3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  <a:cxn ang="f30">
                  <a:pos x="f53" y="f39"/>
                </a:cxn>
                <a:cxn ang="f31">
                  <a:pos x="f51" y="f52"/>
                </a:cxn>
                <a:cxn ang="f32">
                  <a:pos x="f39" y="f42"/>
                </a:cxn>
                <a:cxn ang="f32">
                  <a:pos x="f53" y="f42"/>
                </a:cxn>
                <a:cxn ang="f32">
                  <a:pos x="f43" y="f42"/>
                </a:cxn>
                <a:cxn ang="f33">
                  <a:pos x="f54" y="f52"/>
                </a:cxn>
              </a:cxnLst>
              <a:rect l="f51" t="f52" r="f54" b="f42"/>
              <a:pathLst>
                <a:path>
                  <a:moveTo>
                    <a:pt x="f39" y="f42"/>
                  </a:moveTo>
                  <a:lnTo>
                    <a:pt x="f53" y="f39"/>
                  </a:lnTo>
                  <a:lnTo>
                    <a:pt x="f43" y="f42"/>
                  </a:lnTo>
                  <a:close/>
                </a:path>
              </a:pathLst>
            </a:custGeom>
            <a:solidFill>
              <a:srgbClr val="000000"/>
            </a:solidFill>
            <a:ln w="25402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23" name="Ellipse 24"/>
            <p:cNvSpPr/>
            <p:nvPr/>
          </p:nvSpPr>
          <p:spPr>
            <a:xfrm>
              <a:off x="4198257" y="2124096"/>
              <a:ext cx="162690" cy="144018"/>
            </a:xfrm>
            <a:custGeom>
              <a:avLst/>
              <a:gdLst>
                <a:gd name="f0" fmla="val 21600000"/>
                <a:gd name="f1" fmla="val 10800000"/>
                <a:gd name="f2" fmla="val 5400000"/>
                <a:gd name="f3" fmla="val 180"/>
                <a:gd name="f4" fmla="val w"/>
                <a:gd name="f5" fmla="val h"/>
                <a:gd name="f6" fmla="val ss"/>
                <a:gd name="f7" fmla="val 0"/>
                <a:gd name="f8" fmla="*/ 5419351 1 1725033"/>
                <a:gd name="f9" fmla="+- 0 0 -360"/>
                <a:gd name="f10" fmla="+- 0 0 -180"/>
                <a:gd name="f11" fmla="abs f4"/>
                <a:gd name="f12" fmla="abs f5"/>
                <a:gd name="f13" fmla="abs f6"/>
                <a:gd name="f14" fmla="+- 2700000 f2 0"/>
                <a:gd name="f15" fmla="*/ f9 f1 1"/>
                <a:gd name="f16" fmla="*/ f10 f1 1"/>
                <a:gd name="f17" fmla="?: f11 f4 1"/>
                <a:gd name="f18" fmla="?: f12 f5 1"/>
                <a:gd name="f19" fmla="?: f13 f6 1"/>
                <a:gd name="f20" fmla="+- f14 0 f2"/>
                <a:gd name="f21" fmla="*/ f15 1 f3"/>
                <a:gd name="f22" fmla="*/ f16 1 f3"/>
                <a:gd name="f23" fmla="*/ f17 1 21600"/>
                <a:gd name="f24" fmla="*/ f18 1 21600"/>
                <a:gd name="f25" fmla="*/ 21600 f17 1"/>
                <a:gd name="f26" fmla="*/ 21600 f18 1"/>
                <a:gd name="f27" fmla="+- f20 f2 0"/>
                <a:gd name="f28" fmla="+- f21 0 f2"/>
                <a:gd name="f29" fmla="+- f22 0 f2"/>
                <a:gd name="f30" fmla="min f24 f23"/>
                <a:gd name="f31" fmla="*/ f25 1 f19"/>
                <a:gd name="f32" fmla="*/ f26 1 f19"/>
                <a:gd name="f33" fmla="*/ f27 f8 1"/>
                <a:gd name="f34" fmla="val f31"/>
                <a:gd name="f35" fmla="val f32"/>
                <a:gd name="f36" fmla="*/ f33 1 f1"/>
                <a:gd name="f37" fmla="*/ f7 f30 1"/>
                <a:gd name="f38" fmla="+- f35 0 f7"/>
                <a:gd name="f39" fmla="+- f34 0 f7"/>
                <a:gd name="f40" fmla="+- 0 0 f36"/>
                <a:gd name="f41" fmla="*/ f38 1 2"/>
                <a:gd name="f42" fmla="*/ f39 1 2"/>
                <a:gd name="f43" fmla="+- 0 0 f40"/>
                <a:gd name="f44" fmla="+- f7 f41 0"/>
                <a:gd name="f45" fmla="+- f7 f42 0"/>
                <a:gd name="f46" fmla="*/ f43 f1 1"/>
                <a:gd name="f47" fmla="*/ f42 f30 1"/>
                <a:gd name="f48" fmla="*/ f41 f30 1"/>
                <a:gd name="f49" fmla="*/ f46 1 f8"/>
                <a:gd name="f50" fmla="*/ f44 f30 1"/>
                <a:gd name="f51" fmla="+- f49 0 f2"/>
                <a:gd name="f52" fmla="cos 1 f51"/>
                <a:gd name="f53" fmla="sin 1 f51"/>
                <a:gd name="f54" fmla="+- 0 0 f52"/>
                <a:gd name="f55" fmla="+- 0 0 f53"/>
                <a:gd name="f56" fmla="+- 0 0 f54"/>
                <a:gd name="f57" fmla="+- 0 0 f55"/>
                <a:gd name="f58" fmla="val f56"/>
                <a:gd name="f59" fmla="val f57"/>
                <a:gd name="f60" fmla="*/ f58 f42 1"/>
                <a:gd name="f61" fmla="*/ f59 f41 1"/>
                <a:gd name="f62" fmla="+- f45 0 f60"/>
                <a:gd name="f63" fmla="+- f45 f60 0"/>
                <a:gd name="f64" fmla="+- f44 0 f61"/>
                <a:gd name="f65" fmla="+- f44 f61 0"/>
                <a:gd name="f66" fmla="*/ f62 f30 1"/>
                <a:gd name="f67" fmla="*/ f64 f30 1"/>
                <a:gd name="f68" fmla="*/ f63 f30 1"/>
                <a:gd name="f69" fmla="*/ f65 f30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  <a:cxn ang="f28">
                  <a:pos x="f66" y="f67"/>
                </a:cxn>
                <a:cxn ang="f29">
                  <a:pos x="f66" y="f69"/>
                </a:cxn>
                <a:cxn ang="f29">
                  <a:pos x="f68" y="f69"/>
                </a:cxn>
                <a:cxn ang="f28">
                  <a:pos x="f68" y="f67"/>
                </a:cxn>
              </a:cxnLst>
              <a:rect l="f66" t="f67" r="f68" b="f69"/>
              <a:pathLst>
                <a:path>
                  <a:moveTo>
                    <a:pt x="f37" y="f50"/>
                  </a:moveTo>
                  <a:arcTo wR="f47" hR="f48" stAng="f1" swAng="f0"/>
                  <a:close/>
                </a:path>
              </a:pathLst>
            </a:custGeom>
            <a:solidFill>
              <a:srgbClr val="000000"/>
            </a:solidFill>
            <a:ln w="25402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24" name="Ellipse 25"/>
            <p:cNvSpPr/>
            <p:nvPr/>
          </p:nvSpPr>
          <p:spPr>
            <a:xfrm>
              <a:off x="4452030" y="2124096"/>
              <a:ext cx="162690" cy="144018"/>
            </a:xfrm>
            <a:custGeom>
              <a:avLst/>
              <a:gdLst>
                <a:gd name="f0" fmla="val 21600000"/>
                <a:gd name="f1" fmla="val 10800000"/>
                <a:gd name="f2" fmla="val 5400000"/>
                <a:gd name="f3" fmla="val 180"/>
                <a:gd name="f4" fmla="val w"/>
                <a:gd name="f5" fmla="val h"/>
                <a:gd name="f6" fmla="val ss"/>
                <a:gd name="f7" fmla="val 0"/>
                <a:gd name="f8" fmla="*/ 5419351 1 1725033"/>
                <a:gd name="f9" fmla="+- 0 0 -360"/>
                <a:gd name="f10" fmla="+- 0 0 -180"/>
                <a:gd name="f11" fmla="abs f4"/>
                <a:gd name="f12" fmla="abs f5"/>
                <a:gd name="f13" fmla="abs f6"/>
                <a:gd name="f14" fmla="+- 2700000 f2 0"/>
                <a:gd name="f15" fmla="*/ f9 f1 1"/>
                <a:gd name="f16" fmla="*/ f10 f1 1"/>
                <a:gd name="f17" fmla="?: f11 f4 1"/>
                <a:gd name="f18" fmla="?: f12 f5 1"/>
                <a:gd name="f19" fmla="?: f13 f6 1"/>
                <a:gd name="f20" fmla="+- f14 0 f2"/>
                <a:gd name="f21" fmla="*/ f15 1 f3"/>
                <a:gd name="f22" fmla="*/ f16 1 f3"/>
                <a:gd name="f23" fmla="*/ f17 1 21600"/>
                <a:gd name="f24" fmla="*/ f18 1 21600"/>
                <a:gd name="f25" fmla="*/ 21600 f17 1"/>
                <a:gd name="f26" fmla="*/ 21600 f18 1"/>
                <a:gd name="f27" fmla="+- f20 f2 0"/>
                <a:gd name="f28" fmla="+- f21 0 f2"/>
                <a:gd name="f29" fmla="+- f22 0 f2"/>
                <a:gd name="f30" fmla="min f24 f23"/>
                <a:gd name="f31" fmla="*/ f25 1 f19"/>
                <a:gd name="f32" fmla="*/ f26 1 f19"/>
                <a:gd name="f33" fmla="*/ f27 f8 1"/>
                <a:gd name="f34" fmla="val f31"/>
                <a:gd name="f35" fmla="val f32"/>
                <a:gd name="f36" fmla="*/ f33 1 f1"/>
                <a:gd name="f37" fmla="*/ f7 f30 1"/>
                <a:gd name="f38" fmla="+- f35 0 f7"/>
                <a:gd name="f39" fmla="+- f34 0 f7"/>
                <a:gd name="f40" fmla="+- 0 0 f36"/>
                <a:gd name="f41" fmla="*/ f38 1 2"/>
                <a:gd name="f42" fmla="*/ f39 1 2"/>
                <a:gd name="f43" fmla="+- 0 0 f40"/>
                <a:gd name="f44" fmla="+- f7 f41 0"/>
                <a:gd name="f45" fmla="+- f7 f42 0"/>
                <a:gd name="f46" fmla="*/ f43 f1 1"/>
                <a:gd name="f47" fmla="*/ f42 f30 1"/>
                <a:gd name="f48" fmla="*/ f41 f30 1"/>
                <a:gd name="f49" fmla="*/ f46 1 f8"/>
                <a:gd name="f50" fmla="*/ f44 f30 1"/>
                <a:gd name="f51" fmla="+- f49 0 f2"/>
                <a:gd name="f52" fmla="cos 1 f51"/>
                <a:gd name="f53" fmla="sin 1 f51"/>
                <a:gd name="f54" fmla="+- 0 0 f52"/>
                <a:gd name="f55" fmla="+- 0 0 f53"/>
                <a:gd name="f56" fmla="+- 0 0 f54"/>
                <a:gd name="f57" fmla="+- 0 0 f55"/>
                <a:gd name="f58" fmla="val f56"/>
                <a:gd name="f59" fmla="val f57"/>
                <a:gd name="f60" fmla="*/ f58 f42 1"/>
                <a:gd name="f61" fmla="*/ f59 f41 1"/>
                <a:gd name="f62" fmla="+- f45 0 f60"/>
                <a:gd name="f63" fmla="+- f45 f60 0"/>
                <a:gd name="f64" fmla="+- f44 0 f61"/>
                <a:gd name="f65" fmla="+- f44 f61 0"/>
                <a:gd name="f66" fmla="*/ f62 f30 1"/>
                <a:gd name="f67" fmla="*/ f64 f30 1"/>
                <a:gd name="f68" fmla="*/ f63 f30 1"/>
                <a:gd name="f69" fmla="*/ f65 f30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  <a:cxn ang="f28">
                  <a:pos x="f66" y="f67"/>
                </a:cxn>
                <a:cxn ang="f29">
                  <a:pos x="f66" y="f69"/>
                </a:cxn>
                <a:cxn ang="f29">
                  <a:pos x="f68" y="f69"/>
                </a:cxn>
                <a:cxn ang="f28">
                  <a:pos x="f68" y="f67"/>
                </a:cxn>
              </a:cxnLst>
              <a:rect l="f66" t="f67" r="f68" b="f69"/>
              <a:pathLst>
                <a:path>
                  <a:moveTo>
                    <a:pt x="f37" y="f50"/>
                  </a:moveTo>
                  <a:arcTo wR="f47" hR="f48" stAng="f1" swAng="f0"/>
                  <a:close/>
                </a:path>
              </a:pathLst>
            </a:custGeom>
            <a:solidFill>
              <a:srgbClr val="000000"/>
            </a:solidFill>
            <a:ln w="25402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</p:grpSp>
      <p:grpSp>
        <p:nvGrpSpPr>
          <p:cNvPr id="25" name="Gruppieren 24"/>
          <p:cNvGrpSpPr/>
          <p:nvPr/>
        </p:nvGrpSpPr>
        <p:grpSpPr>
          <a:xfrm>
            <a:off x="8027760" y="1534048"/>
            <a:ext cx="1009499" cy="700853"/>
            <a:chOff x="8150772" y="3318929"/>
            <a:chExt cx="1009499" cy="700853"/>
          </a:xfrm>
        </p:grpSpPr>
        <p:grpSp>
          <p:nvGrpSpPr>
            <p:cNvPr id="26" name="Gruppieren 25"/>
            <p:cNvGrpSpPr/>
            <p:nvPr/>
          </p:nvGrpSpPr>
          <p:grpSpPr>
            <a:xfrm>
              <a:off x="8150772" y="3457338"/>
              <a:ext cx="1009499" cy="562444"/>
              <a:chOff x="2229103" y="2665427"/>
              <a:chExt cx="1009499" cy="562444"/>
            </a:xfrm>
          </p:grpSpPr>
          <p:sp>
            <p:nvSpPr>
              <p:cNvPr id="30" name="Rechteck 29"/>
              <p:cNvSpPr/>
              <p:nvPr/>
            </p:nvSpPr>
            <p:spPr>
              <a:xfrm>
                <a:off x="2229103" y="2665427"/>
                <a:ext cx="1008112" cy="562444"/>
              </a:xfrm>
              <a:prstGeom prst="rect">
                <a:avLst/>
              </a:prstGeom>
              <a:solidFill>
                <a:srgbClr val="FF0000"/>
              </a:solidFill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  <p:cxnSp>
            <p:nvCxnSpPr>
              <p:cNvPr id="31" name="Gerade Verbindung 192"/>
              <p:cNvCxnSpPr/>
              <p:nvPr/>
            </p:nvCxnSpPr>
            <p:spPr>
              <a:xfrm>
                <a:off x="2229103" y="2943571"/>
                <a:ext cx="1008112" cy="0"/>
              </a:xfrm>
              <a:prstGeom prst="lin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</p:cxnSp>
          <p:sp>
            <p:nvSpPr>
              <p:cNvPr id="32" name="Gleichschenkliges Dreieck 31"/>
              <p:cNvSpPr/>
              <p:nvPr/>
            </p:nvSpPr>
            <p:spPr>
              <a:xfrm rot="16200000">
                <a:off x="2758684" y="2746266"/>
                <a:ext cx="560758" cy="399079"/>
              </a:xfrm>
              <a:prstGeom prst="triangl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</p:grpSp>
        <p:grpSp>
          <p:nvGrpSpPr>
            <p:cNvPr id="27" name="Gruppieren 26"/>
            <p:cNvGrpSpPr/>
            <p:nvPr/>
          </p:nvGrpSpPr>
          <p:grpSpPr>
            <a:xfrm>
              <a:off x="8561099" y="3318929"/>
              <a:ext cx="221644" cy="86400"/>
              <a:chOff x="8443328" y="2862811"/>
              <a:chExt cx="221644" cy="86400"/>
            </a:xfrm>
          </p:grpSpPr>
          <p:sp>
            <p:nvSpPr>
              <p:cNvPr id="28" name="Ellipse 25"/>
              <p:cNvSpPr/>
              <p:nvPr/>
            </p:nvSpPr>
            <p:spPr>
              <a:xfrm>
                <a:off x="8578181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9" name="Ellipse 25"/>
              <p:cNvSpPr/>
              <p:nvPr/>
            </p:nvSpPr>
            <p:spPr>
              <a:xfrm>
                <a:off x="8443328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sp>
        <p:nvSpPr>
          <p:cNvPr id="33" name="Fußzeilenplatzhalter 4">
            <a:extLst>
              <a:ext uri="{FF2B5EF4-FFF2-40B4-BE49-F238E27FC236}">
                <a16:creationId xmlns:a16="http://schemas.microsoft.com/office/drawing/2014/main" id="{9882CDD0-1C17-49F2-9665-E39734AEDBE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76207020"/>
      </p:ext>
    </p:extLst>
  </p:cSld>
  <p:clrMapOvr>
    <a:masterClrMapping/>
  </p:clrMapOvr>
  <p:transition spd="med">
    <p:pull/>
  </p:transition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Gruppe im ABC-Einsatz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Bildplatzhalter 4" descr="Ein Bild, das Text, Strichzeichnung enthält.&#10;&#10;Automatisch generierte Beschreibung">
            <a:extLst>
              <a:ext uri="{FF2B5EF4-FFF2-40B4-BE49-F238E27FC236}">
                <a16:creationId xmlns:a16="http://schemas.microsoft.com/office/drawing/2014/main" id="{EC87B86E-0F24-4F2E-91C6-0E5C1A64BD4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2451127" y="93701"/>
            <a:ext cx="425250" cy="648000"/>
          </a:xfrm>
          <a:prstGeom prst="rect">
            <a:avLst/>
          </a:prstGeom>
        </p:spPr>
      </p:pic>
      <p:sp>
        <p:nvSpPr>
          <p:cNvPr id="20" name="Text Box 7"/>
          <p:cNvSpPr txBox="1">
            <a:spLocks noChangeArrowheads="1"/>
          </p:cNvSpPr>
          <p:nvPr/>
        </p:nvSpPr>
        <p:spPr bwMode="auto">
          <a:xfrm>
            <a:off x="1332116" y="1259275"/>
            <a:ext cx="1511722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>
              <a:spcBef>
                <a:spcPct val="50000"/>
              </a:spcBef>
            </a:pPr>
            <a:r>
              <a:rPr lang="de-DE" altLang="de-DE" sz="1800" b="1" dirty="0">
                <a:latin typeface="Frutiger CE 55 Roman"/>
              </a:rPr>
              <a:t>Melder</a:t>
            </a:r>
          </a:p>
        </p:txBody>
      </p:sp>
      <p:sp>
        <p:nvSpPr>
          <p:cNvPr id="21" name="Text Box 9"/>
          <p:cNvSpPr txBox="1">
            <a:spLocks noChangeArrowheads="1"/>
          </p:cNvSpPr>
          <p:nvPr/>
        </p:nvSpPr>
        <p:spPr bwMode="auto">
          <a:xfrm>
            <a:off x="252000" y="3348847"/>
            <a:ext cx="8640000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85725" indent="-85725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Verstärkt den Angriffstrupp auf Befehl des Gruppenführers</a:t>
            </a:r>
          </a:p>
        </p:txBody>
      </p:sp>
      <p:grpSp>
        <p:nvGrpSpPr>
          <p:cNvPr id="22" name="Gruppieren 21"/>
          <p:cNvGrpSpPr/>
          <p:nvPr/>
        </p:nvGrpSpPr>
        <p:grpSpPr>
          <a:xfrm>
            <a:off x="8027760" y="1534048"/>
            <a:ext cx="1009499" cy="700853"/>
            <a:chOff x="8150772" y="3318929"/>
            <a:chExt cx="1009499" cy="700853"/>
          </a:xfrm>
        </p:grpSpPr>
        <p:grpSp>
          <p:nvGrpSpPr>
            <p:cNvPr id="23" name="Gruppieren 22"/>
            <p:cNvGrpSpPr/>
            <p:nvPr/>
          </p:nvGrpSpPr>
          <p:grpSpPr>
            <a:xfrm>
              <a:off x="8150772" y="3457338"/>
              <a:ext cx="1009499" cy="562444"/>
              <a:chOff x="2229103" y="2665427"/>
              <a:chExt cx="1009499" cy="562444"/>
            </a:xfrm>
          </p:grpSpPr>
          <p:sp>
            <p:nvSpPr>
              <p:cNvPr id="27" name="Rechteck 26"/>
              <p:cNvSpPr/>
              <p:nvPr/>
            </p:nvSpPr>
            <p:spPr>
              <a:xfrm>
                <a:off x="2229103" y="2665427"/>
                <a:ext cx="1008112" cy="562444"/>
              </a:xfrm>
              <a:prstGeom prst="rect">
                <a:avLst/>
              </a:prstGeom>
              <a:solidFill>
                <a:srgbClr val="FF0000"/>
              </a:solidFill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  <p:cxnSp>
            <p:nvCxnSpPr>
              <p:cNvPr id="28" name="Gerade Verbindung 192"/>
              <p:cNvCxnSpPr/>
              <p:nvPr/>
            </p:nvCxnSpPr>
            <p:spPr>
              <a:xfrm>
                <a:off x="2229103" y="2943571"/>
                <a:ext cx="1008112" cy="0"/>
              </a:xfrm>
              <a:prstGeom prst="lin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</p:cxnSp>
          <p:sp>
            <p:nvSpPr>
              <p:cNvPr id="29" name="Gleichschenkliges Dreieck 28"/>
              <p:cNvSpPr/>
              <p:nvPr/>
            </p:nvSpPr>
            <p:spPr>
              <a:xfrm rot="16200000">
                <a:off x="2758684" y="2746266"/>
                <a:ext cx="560758" cy="399079"/>
              </a:xfrm>
              <a:prstGeom prst="triangl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</p:grpSp>
        <p:grpSp>
          <p:nvGrpSpPr>
            <p:cNvPr id="24" name="Gruppieren 23"/>
            <p:cNvGrpSpPr/>
            <p:nvPr/>
          </p:nvGrpSpPr>
          <p:grpSpPr>
            <a:xfrm>
              <a:off x="8561099" y="3318929"/>
              <a:ext cx="221644" cy="86400"/>
              <a:chOff x="8443328" y="2862811"/>
              <a:chExt cx="221644" cy="86400"/>
            </a:xfrm>
          </p:grpSpPr>
          <p:sp>
            <p:nvSpPr>
              <p:cNvPr id="25" name="Ellipse 25"/>
              <p:cNvSpPr/>
              <p:nvPr/>
            </p:nvSpPr>
            <p:spPr>
              <a:xfrm>
                <a:off x="8578181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26" name="Ellipse 25"/>
              <p:cNvSpPr/>
              <p:nvPr/>
            </p:nvSpPr>
            <p:spPr>
              <a:xfrm>
                <a:off x="8443328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grpSp>
        <p:nvGrpSpPr>
          <p:cNvPr id="30" name="Gruppieren 14"/>
          <p:cNvGrpSpPr/>
          <p:nvPr/>
        </p:nvGrpSpPr>
        <p:grpSpPr>
          <a:xfrm>
            <a:off x="252000" y="939890"/>
            <a:ext cx="1080116" cy="1008107"/>
            <a:chOff x="3851928" y="2132865"/>
            <a:chExt cx="1080116" cy="1008107"/>
          </a:xfrm>
        </p:grpSpPr>
        <p:sp>
          <p:nvSpPr>
            <p:cNvPr id="31" name="Raute 11"/>
            <p:cNvSpPr/>
            <p:nvPr/>
          </p:nvSpPr>
          <p:spPr>
            <a:xfrm>
              <a:off x="3851928" y="2132865"/>
              <a:ext cx="1080116" cy="1008107"/>
            </a:xfrm>
            <a:custGeom>
              <a:avLst/>
              <a:gdLst>
                <a:gd name="f0" fmla="val w"/>
                <a:gd name="f1" fmla="val h"/>
                <a:gd name="f2" fmla="val ss"/>
                <a:gd name="f3" fmla="val 0"/>
                <a:gd name="f4" fmla="abs f0"/>
                <a:gd name="f5" fmla="abs f1"/>
                <a:gd name="f6" fmla="abs f2"/>
                <a:gd name="f7" fmla="?: f4 f0 1"/>
                <a:gd name="f8" fmla="?: f5 f1 1"/>
                <a:gd name="f9" fmla="?: f6 f2 1"/>
                <a:gd name="f10" fmla="*/ f7 1 21600"/>
                <a:gd name="f11" fmla="*/ f8 1 21600"/>
                <a:gd name="f12" fmla="*/ 21600 f7 1"/>
                <a:gd name="f13" fmla="*/ 21600 f8 1"/>
                <a:gd name="f14" fmla="min f11 f10"/>
                <a:gd name="f15" fmla="*/ f12 1 f9"/>
                <a:gd name="f16" fmla="*/ f13 1 f9"/>
                <a:gd name="f17" fmla="val f15"/>
                <a:gd name="f18" fmla="val f16"/>
                <a:gd name="f19" fmla="*/ f3 f14 1"/>
                <a:gd name="f20" fmla="+- f18 0 f3"/>
                <a:gd name="f21" fmla="+- f17 0 f3"/>
                <a:gd name="f22" fmla="*/ f17 f14 1"/>
                <a:gd name="f23" fmla="*/ f18 f14 1"/>
                <a:gd name="f24" fmla="*/ f20 1 2"/>
                <a:gd name="f25" fmla="*/ f20 1 4"/>
                <a:gd name="f26" fmla="*/ f21 1 2"/>
                <a:gd name="f27" fmla="*/ f21 1 4"/>
                <a:gd name="f28" fmla="*/ f21 3 1"/>
                <a:gd name="f29" fmla="*/ f20 3 1"/>
                <a:gd name="f30" fmla="+- f3 f24 0"/>
                <a:gd name="f31" fmla="+- f3 f26 0"/>
                <a:gd name="f32" fmla="*/ f28 1 4"/>
                <a:gd name="f33" fmla="*/ f29 1 4"/>
                <a:gd name="f34" fmla="*/ f27 f14 1"/>
                <a:gd name="f35" fmla="*/ f25 f14 1"/>
                <a:gd name="f36" fmla="*/ f32 f14 1"/>
                <a:gd name="f37" fmla="*/ f33 f14 1"/>
                <a:gd name="f38" fmla="*/ f30 f14 1"/>
                <a:gd name="f39" fmla="*/ f31 f1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f34" t="f35" r="f36" b="f37"/>
              <a:pathLst>
                <a:path>
                  <a:moveTo>
                    <a:pt x="f19" y="f38"/>
                  </a:moveTo>
                  <a:lnTo>
                    <a:pt x="f39" y="f19"/>
                  </a:lnTo>
                  <a:lnTo>
                    <a:pt x="f22" y="f38"/>
                  </a:lnTo>
                  <a:lnTo>
                    <a:pt x="f39" y="f23"/>
                  </a:lnTo>
                  <a:close/>
                </a:path>
              </a:pathLst>
            </a:custGeom>
            <a:solidFill>
              <a:srgbClr val="92D050"/>
            </a:solidFill>
            <a:ln w="38103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32" name="Textfeld 12"/>
            <p:cNvSpPr txBox="1"/>
            <p:nvPr/>
          </p:nvSpPr>
          <p:spPr>
            <a:xfrm>
              <a:off x="4054294" y="2365927"/>
              <a:ext cx="720080" cy="523220"/>
            </a:xfrm>
            <a:prstGeom prst="rect">
              <a:avLst/>
            </a:prstGeom>
            <a:noFill/>
            <a:ln>
              <a:noFill/>
            </a:ln>
          </p:spPr>
          <p:txBody>
            <a:bodyPr vert="horz" wrap="square" lIns="91440" tIns="45720" rIns="91440" bIns="45720" anchor="t" anchorCtr="0" compatLnSpc="1">
              <a:spAutoFit/>
            </a:bodyPr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r>
                <a:rPr lang="de-DE" sz="2800" b="1" dirty="0" err="1">
                  <a:solidFill>
                    <a:srgbClr val="000000"/>
                  </a:solidFill>
                  <a:latin typeface="Calibri"/>
                </a:rPr>
                <a:t>Me</a:t>
              </a:r>
              <a:endParaRPr lang="de-DE" sz="2800" b="1" dirty="0">
                <a:solidFill>
                  <a:srgbClr val="000000"/>
                </a:solidFill>
                <a:latin typeface="Calibri"/>
              </a:endParaRPr>
            </a:p>
          </p:txBody>
        </p:sp>
      </p:grpSp>
      <p:sp>
        <p:nvSpPr>
          <p:cNvPr id="19" name="Fußzeilenplatzhalter 4">
            <a:extLst>
              <a:ext uri="{FF2B5EF4-FFF2-40B4-BE49-F238E27FC236}">
                <a16:creationId xmlns:a16="http://schemas.microsoft.com/office/drawing/2014/main" id="{7079FAB9-6176-41CF-8F71-20789280459D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17969111"/>
      </p:ext>
    </p:extLst>
  </p:cSld>
  <p:clrMapOvr>
    <a:masterClrMapping/>
  </p:clrMapOvr>
  <p:transition spd="med">
    <p:pull/>
  </p:transition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Gruppe im ABC-Einsatz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Bildplatzhalter 4" descr="Ein Bild, das Text, Strichzeichnung enthält.&#10;&#10;Automatisch generierte Beschreibung">
            <a:extLst>
              <a:ext uri="{FF2B5EF4-FFF2-40B4-BE49-F238E27FC236}">
                <a16:creationId xmlns:a16="http://schemas.microsoft.com/office/drawing/2014/main" id="{EC87B86E-0F24-4F2E-91C6-0E5C1A64BD4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2451127" y="93701"/>
            <a:ext cx="425250" cy="648000"/>
          </a:xfrm>
          <a:prstGeom prst="rect">
            <a:avLst/>
          </a:prstGeom>
        </p:spPr>
      </p:pic>
      <p:sp>
        <p:nvSpPr>
          <p:cNvPr id="7" name="Text Box 7"/>
          <p:cNvSpPr txBox="1">
            <a:spLocks noChangeArrowheads="1"/>
          </p:cNvSpPr>
          <p:nvPr/>
        </p:nvSpPr>
        <p:spPr bwMode="auto">
          <a:xfrm>
            <a:off x="1332116" y="1256339"/>
            <a:ext cx="2160588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pPr>
              <a:spcBef>
                <a:spcPct val="50000"/>
              </a:spcBef>
            </a:pPr>
            <a:r>
              <a:rPr lang="de-DE" altLang="de-DE" sz="1800" b="1" dirty="0"/>
              <a:t>Maschinist</a:t>
            </a:r>
          </a:p>
        </p:txBody>
      </p:sp>
      <p:sp>
        <p:nvSpPr>
          <p:cNvPr id="8" name="Text Box 10"/>
          <p:cNvSpPr txBox="1">
            <a:spLocks noChangeArrowheads="1"/>
          </p:cNvSpPr>
          <p:nvPr/>
        </p:nvSpPr>
        <p:spPr bwMode="auto">
          <a:xfrm>
            <a:off x="252000" y="2769387"/>
            <a:ext cx="8640000" cy="147732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 marL="85725" indent="-85725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/>
              <a:t> Unterstützung bei der Geräteentnahme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/>
              <a:t> Unterstützung beim Anlegen der Sonderausrüstung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/>
              <a:t> Übernimmt die Registrierung von Nachweisgeräten, </a:t>
            </a:r>
            <a:br>
              <a:rPr lang="de-DE" altLang="de-DE" sz="1800" dirty="0"/>
            </a:br>
            <a:r>
              <a:rPr lang="de-DE" altLang="de-DE" sz="1800" dirty="0"/>
              <a:t> die Atemschutz- und Dosisüberwachung</a:t>
            </a:r>
          </a:p>
        </p:txBody>
      </p:sp>
      <p:grpSp>
        <p:nvGrpSpPr>
          <p:cNvPr id="9" name="Gruppieren 8"/>
          <p:cNvGrpSpPr/>
          <p:nvPr/>
        </p:nvGrpSpPr>
        <p:grpSpPr>
          <a:xfrm>
            <a:off x="8027760" y="1534048"/>
            <a:ext cx="1009499" cy="700853"/>
            <a:chOff x="8150772" y="3318929"/>
            <a:chExt cx="1009499" cy="700853"/>
          </a:xfrm>
        </p:grpSpPr>
        <p:grpSp>
          <p:nvGrpSpPr>
            <p:cNvPr id="10" name="Gruppieren 9"/>
            <p:cNvGrpSpPr/>
            <p:nvPr/>
          </p:nvGrpSpPr>
          <p:grpSpPr>
            <a:xfrm>
              <a:off x="8150772" y="3457338"/>
              <a:ext cx="1009499" cy="562444"/>
              <a:chOff x="2229103" y="2665427"/>
              <a:chExt cx="1009499" cy="562444"/>
            </a:xfrm>
          </p:grpSpPr>
          <p:sp>
            <p:nvSpPr>
              <p:cNvPr id="14" name="Rechteck 13"/>
              <p:cNvSpPr/>
              <p:nvPr/>
            </p:nvSpPr>
            <p:spPr>
              <a:xfrm>
                <a:off x="2229103" y="2665427"/>
                <a:ext cx="1008112" cy="562444"/>
              </a:xfrm>
              <a:prstGeom prst="rect">
                <a:avLst/>
              </a:prstGeom>
              <a:solidFill>
                <a:srgbClr val="FF0000"/>
              </a:solidFill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  <p:cxnSp>
            <p:nvCxnSpPr>
              <p:cNvPr id="15" name="Gerade Verbindung 192"/>
              <p:cNvCxnSpPr/>
              <p:nvPr/>
            </p:nvCxnSpPr>
            <p:spPr>
              <a:xfrm>
                <a:off x="2229103" y="2943571"/>
                <a:ext cx="1008112" cy="0"/>
              </a:xfrm>
              <a:prstGeom prst="lin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</p:cxnSp>
          <p:sp>
            <p:nvSpPr>
              <p:cNvPr id="16" name="Gleichschenkliges Dreieck 15"/>
              <p:cNvSpPr/>
              <p:nvPr/>
            </p:nvSpPr>
            <p:spPr>
              <a:xfrm rot="16200000">
                <a:off x="2758684" y="2746266"/>
                <a:ext cx="560758" cy="399079"/>
              </a:xfrm>
              <a:prstGeom prst="triangl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</p:grpSp>
        <p:grpSp>
          <p:nvGrpSpPr>
            <p:cNvPr id="11" name="Gruppieren 10"/>
            <p:cNvGrpSpPr/>
            <p:nvPr/>
          </p:nvGrpSpPr>
          <p:grpSpPr>
            <a:xfrm>
              <a:off x="8561099" y="3318929"/>
              <a:ext cx="221644" cy="86400"/>
              <a:chOff x="8443328" y="2862811"/>
              <a:chExt cx="221644" cy="86400"/>
            </a:xfrm>
          </p:grpSpPr>
          <p:sp>
            <p:nvSpPr>
              <p:cNvPr id="12" name="Ellipse 25"/>
              <p:cNvSpPr/>
              <p:nvPr/>
            </p:nvSpPr>
            <p:spPr>
              <a:xfrm>
                <a:off x="8578181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3" name="Ellipse 25"/>
              <p:cNvSpPr/>
              <p:nvPr/>
            </p:nvSpPr>
            <p:spPr>
              <a:xfrm>
                <a:off x="8443328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grpSp>
        <p:nvGrpSpPr>
          <p:cNvPr id="17" name="Gruppieren 34"/>
          <p:cNvGrpSpPr/>
          <p:nvPr/>
        </p:nvGrpSpPr>
        <p:grpSpPr>
          <a:xfrm>
            <a:off x="252000" y="942494"/>
            <a:ext cx="1080116" cy="1008107"/>
            <a:chOff x="3869667" y="2132865"/>
            <a:chExt cx="1080116" cy="1008107"/>
          </a:xfrm>
        </p:grpSpPr>
        <p:sp>
          <p:nvSpPr>
            <p:cNvPr id="18" name="Raute 4"/>
            <p:cNvSpPr/>
            <p:nvPr/>
          </p:nvSpPr>
          <p:spPr>
            <a:xfrm>
              <a:off x="3869667" y="2132865"/>
              <a:ext cx="1080116" cy="1008107"/>
            </a:xfrm>
            <a:custGeom>
              <a:avLst/>
              <a:gdLst>
                <a:gd name="f0" fmla="val w"/>
                <a:gd name="f1" fmla="val h"/>
                <a:gd name="f2" fmla="val ss"/>
                <a:gd name="f3" fmla="val 0"/>
                <a:gd name="f4" fmla="abs f0"/>
                <a:gd name="f5" fmla="abs f1"/>
                <a:gd name="f6" fmla="abs f2"/>
                <a:gd name="f7" fmla="?: f4 f0 1"/>
                <a:gd name="f8" fmla="?: f5 f1 1"/>
                <a:gd name="f9" fmla="?: f6 f2 1"/>
                <a:gd name="f10" fmla="*/ f7 1 21600"/>
                <a:gd name="f11" fmla="*/ f8 1 21600"/>
                <a:gd name="f12" fmla="*/ 21600 f7 1"/>
                <a:gd name="f13" fmla="*/ 21600 f8 1"/>
                <a:gd name="f14" fmla="min f11 f10"/>
                <a:gd name="f15" fmla="*/ f12 1 f9"/>
                <a:gd name="f16" fmla="*/ f13 1 f9"/>
                <a:gd name="f17" fmla="val f15"/>
                <a:gd name="f18" fmla="val f16"/>
                <a:gd name="f19" fmla="*/ f3 f14 1"/>
                <a:gd name="f20" fmla="+- f18 0 f3"/>
                <a:gd name="f21" fmla="+- f17 0 f3"/>
                <a:gd name="f22" fmla="*/ f17 f14 1"/>
                <a:gd name="f23" fmla="*/ f18 f14 1"/>
                <a:gd name="f24" fmla="*/ f20 1 2"/>
                <a:gd name="f25" fmla="*/ f20 1 4"/>
                <a:gd name="f26" fmla="*/ f21 1 2"/>
                <a:gd name="f27" fmla="*/ f21 1 4"/>
                <a:gd name="f28" fmla="*/ f21 3 1"/>
                <a:gd name="f29" fmla="*/ f20 3 1"/>
                <a:gd name="f30" fmla="+- f3 f24 0"/>
                <a:gd name="f31" fmla="+- f3 f26 0"/>
                <a:gd name="f32" fmla="*/ f28 1 4"/>
                <a:gd name="f33" fmla="*/ f29 1 4"/>
                <a:gd name="f34" fmla="*/ f27 f14 1"/>
                <a:gd name="f35" fmla="*/ f25 f14 1"/>
                <a:gd name="f36" fmla="*/ f32 f14 1"/>
                <a:gd name="f37" fmla="*/ f33 f14 1"/>
                <a:gd name="f38" fmla="*/ f30 f14 1"/>
                <a:gd name="f39" fmla="*/ f31 f1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f34" t="f35" r="f36" b="f37"/>
              <a:pathLst>
                <a:path>
                  <a:moveTo>
                    <a:pt x="f19" y="f38"/>
                  </a:moveTo>
                  <a:lnTo>
                    <a:pt x="f39" y="f19"/>
                  </a:lnTo>
                  <a:lnTo>
                    <a:pt x="f22" y="f38"/>
                  </a:lnTo>
                  <a:lnTo>
                    <a:pt x="f39" y="f23"/>
                  </a:lnTo>
                  <a:close/>
                </a:path>
              </a:pathLst>
            </a:custGeom>
            <a:noFill/>
            <a:ln w="38103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9" name="Textfeld 13"/>
            <p:cNvSpPr txBox="1"/>
            <p:nvPr/>
          </p:nvSpPr>
          <p:spPr>
            <a:xfrm>
              <a:off x="4071338" y="2389153"/>
              <a:ext cx="676784" cy="523219"/>
            </a:xfrm>
            <a:prstGeom prst="rect">
              <a:avLst/>
            </a:prstGeom>
            <a:noFill/>
            <a:ln>
              <a:noFill/>
            </a:ln>
          </p:spPr>
          <p:txBody>
            <a:bodyPr vert="horz" wrap="none" lIns="91440" tIns="45720" rIns="91440" bIns="45720" anchor="t" anchorCtr="0" compatLnSpc="1">
              <a:spAutoFit/>
            </a:bodyPr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r>
                <a:rPr lang="de-DE" sz="2800" b="1" dirty="0">
                  <a:solidFill>
                    <a:srgbClr val="000000"/>
                  </a:solidFill>
                  <a:latin typeface="Calibri"/>
                </a:rPr>
                <a:t>Ma</a:t>
              </a:r>
            </a:p>
          </p:txBody>
        </p:sp>
      </p:grpSp>
      <p:sp>
        <p:nvSpPr>
          <p:cNvPr id="20" name="Fußzeilenplatzhalter 4">
            <a:extLst>
              <a:ext uri="{FF2B5EF4-FFF2-40B4-BE49-F238E27FC236}">
                <a16:creationId xmlns:a16="http://schemas.microsoft.com/office/drawing/2014/main" id="{B45ECE62-9AC1-478F-B070-85A500C3D3F5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75283393"/>
      </p:ext>
    </p:extLst>
  </p:cSld>
  <p:clrMapOvr>
    <a:masterClrMapping/>
  </p:clrMapOvr>
  <p:transition spd="med">
    <p:pull/>
  </p:transition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Gruppe im ABC-Einsatz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Bildplatzhalter 4" descr="Ein Bild, das Text, Strichzeichnung enthält.&#10;&#10;Automatisch generierte Beschreibung">
            <a:extLst>
              <a:ext uri="{FF2B5EF4-FFF2-40B4-BE49-F238E27FC236}">
                <a16:creationId xmlns:a16="http://schemas.microsoft.com/office/drawing/2014/main" id="{EC87B86E-0F24-4F2E-91C6-0E5C1A64BD4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2451127" y="93701"/>
            <a:ext cx="425250" cy="648000"/>
          </a:xfrm>
          <a:prstGeom prst="rect">
            <a:avLst/>
          </a:prstGeom>
        </p:spPr>
      </p:pic>
      <p:sp>
        <p:nvSpPr>
          <p:cNvPr id="7" name="Text Box 7"/>
          <p:cNvSpPr txBox="1">
            <a:spLocks noChangeArrowheads="1"/>
          </p:cNvSpPr>
          <p:nvPr/>
        </p:nvSpPr>
        <p:spPr bwMode="auto">
          <a:xfrm>
            <a:off x="2183981" y="1272965"/>
            <a:ext cx="2160588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pPr algn="ctr">
              <a:spcBef>
                <a:spcPct val="50000"/>
              </a:spcBef>
            </a:pPr>
            <a:r>
              <a:rPr lang="de-DE" altLang="de-DE" sz="1800" b="1" dirty="0">
                <a:latin typeface="Frutiger CE 55 Roman"/>
              </a:rPr>
              <a:t>Angriffstrupp</a:t>
            </a:r>
          </a:p>
        </p:txBody>
      </p:sp>
      <p:sp>
        <p:nvSpPr>
          <p:cNvPr id="8" name="Text Box 9"/>
          <p:cNvSpPr txBox="1">
            <a:spLocks noChangeArrowheads="1"/>
          </p:cNvSpPr>
          <p:nvPr/>
        </p:nvSpPr>
        <p:spPr bwMode="auto">
          <a:xfrm>
            <a:off x="252000" y="2572566"/>
            <a:ext cx="8640000" cy="313932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marL="85725" indent="-85725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Rettet 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Führt ABC-Ersteinsatz</a:t>
            </a:r>
          </a:p>
          <a:p>
            <a:pPr marL="628650" lvl="1" indent="-1714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200" b="1" dirty="0">
                <a:latin typeface="Frutiger CE 55 Roman"/>
              </a:rPr>
              <a:t> Abdichten, </a:t>
            </a:r>
          </a:p>
          <a:p>
            <a:pPr marL="628650" lvl="1" indent="-1714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200" b="1" dirty="0">
                <a:latin typeface="Frutiger CE 55 Roman"/>
              </a:rPr>
              <a:t> Auffangen, </a:t>
            </a:r>
          </a:p>
          <a:p>
            <a:pPr marL="628650" lvl="1" indent="-1714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200" b="1" dirty="0">
                <a:latin typeface="Frutiger CE 55 Roman"/>
              </a:rPr>
              <a:t> Löschen, </a:t>
            </a:r>
          </a:p>
          <a:p>
            <a:pPr marL="628650" lvl="1" indent="-1714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200" b="1" dirty="0">
                <a:latin typeface="Frutiger CE 55 Roman"/>
              </a:rPr>
              <a:t> Technische Hilfeleistung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Truppführer/in übernimmt ausführliche Kommunikation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Trägt die persönliche Sonderausrüstung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Kann durch den Melder verstärkt werden </a:t>
            </a:r>
          </a:p>
        </p:txBody>
      </p:sp>
      <p:grpSp>
        <p:nvGrpSpPr>
          <p:cNvPr id="9" name="Gruppieren 8"/>
          <p:cNvGrpSpPr/>
          <p:nvPr/>
        </p:nvGrpSpPr>
        <p:grpSpPr>
          <a:xfrm>
            <a:off x="8027760" y="1534048"/>
            <a:ext cx="1009499" cy="700853"/>
            <a:chOff x="8150772" y="3318929"/>
            <a:chExt cx="1009499" cy="700853"/>
          </a:xfrm>
        </p:grpSpPr>
        <p:grpSp>
          <p:nvGrpSpPr>
            <p:cNvPr id="10" name="Gruppieren 9"/>
            <p:cNvGrpSpPr/>
            <p:nvPr/>
          </p:nvGrpSpPr>
          <p:grpSpPr>
            <a:xfrm>
              <a:off x="8150772" y="3457338"/>
              <a:ext cx="1009499" cy="562444"/>
              <a:chOff x="2229103" y="2665427"/>
              <a:chExt cx="1009499" cy="562444"/>
            </a:xfrm>
          </p:grpSpPr>
          <p:sp>
            <p:nvSpPr>
              <p:cNvPr id="14" name="Rechteck 13"/>
              <p:cNvSpPr/>
              <p:nvPr/>
            </p:nvSpPr>
            <p:spPr>
              <a:xfrm>
                <a:off x="2229103" y="2665427"/>
                <a:ext cx="1008112" cy="562444"/>
              </a:xfrm>
              <a:prstGeom prst="rect">
                <a:avLst/>
              </a:prstGeom>
              <a:solidFill>
                <a:srgbClr val="FF0000"/>
              </a:solidFill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Frutiger CE 55 Roman"/>
                </a:endParaRPr>
              </a:p>
            </p:txBody>
          </p:sp>
          <p:cxnSp>
            <p:nvCxnSpPr>
              <p:cNvPr id="15" name="Gerade Verbindung 192"/>
              <p:cNvCxnSpPr/>
              <p:nvPr/>
            </p:nvCxnSpPr>
            <p:spPr>
              <a:xfrm>
                <a:off x="2229103" y="2943571"/>
                <a:ext cx="1008112" cy="0"/>
              </a:xfrm>
              <a:prstGeom prst="lin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</p:cxnSp>
          <p:sp>
            <p:nvSpPr>
              <p:cNvPr id="16" name="Gleichschenkliges Dreieck 15"/>
              <p:cNvSpPr/>
              <p:nvPr/>
            </p:nvSpPr>
            <p:spPr>
              <a:xfrm rot="16200000">
                <a:off x="2758684" y="2746266"/>
                <a:ext cx="560758" cy="399079"/>
              </a:xfrm>
              <a:prstGeom prst="triangl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Frutiger CE 55 Roman"/>
                </a:endParaRPr>
              </a:p>
            </p:txBody>
          </p:sp>
        </p:grpSp>
        <p:grpSp>
          <p:nvGrpSpPr>
            <p:cNvPr id="11" name="Gruppieren 10"/>
            <p:cNvGrpSpPr/>
            <p:nvPr/>
          </p:nvGrpSpPr>
          <p:grpSpPr>
            <a:xfrm>
              <a:off x="8561099" y="3318929"/>
              <a:ext cx="221644" cy="86400"/>
              <a:chOff x="8443328" y="2862811"/>
              <a:chExt cx="221644" cy="86400"/>
            </a:xfrm>
          </p:grpSpPr>
          <p:sp>
            <p:nvSpPr>
              <p:cNvPr id="12" name="Ellipse 25"/>
              <p:cNvSpPr/>
              <p:nvPr/>
            </p:nvSpPr>
            <p:spPr>
              <a:xfrm>
                <a:off x="8578181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Frutiger CE 55 Roman"/>
                </a:endParaRPr>
              </a:p>
            </p:txBody>
          </p:sp>
          <p:sp>
            <p:nvSpPr>
              <p:cNvPr id="13" name="Ellipse 25"/>
              <p:cNvSpPr/>
              <p:nvPr/>
            </p:nvSpPr>
            <p:spPr>
              <a:xfrm>
                <a:off x="8443328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Frutiger CE 55 Roman"/>
                </a:endParaRPr>
              </a:p>
            </p:txBody>
          </p:sp>
        </p:grpSp>
      </p:grpSp>
      <p:grpSp>
        <p:nvGrpSpPr>
          <p:cNvPr id="17" name="Gruppieren 32"/>
          <p:cNvGrpSpPr/>
          <p:nvPr/>
        </p:nvGrpSpPr>
        <p:grpSpPr>
          <a:xfrm>
            <a:off x="1377891" y="936384"/>
            <a:ext cx="1080116" cy="1008107"/>
            <a:chOff x="4465737" y="2015301"/>
            <a:chExt cx="1080116" cy="1008107"/>
          </a:xfrm>
        </p:grpSpPr>
        <p:sp>
          <p:nvSpPr>
            <p:cNvPr id="18" name="Raute 6"/>
            <p:cNvSpPr/>
            <p:nvPr/>
          </p:nvSpPr>
          <p:spPr>
            <a:xfrm>
              <a:off x="4465737" y="2015301"/>
              <a:ext cx="1080116" cy="1008107"/>
            </a:xfrm>
            <a:custGeom>
              <a:avLst/>
              <a:gdLst>
                <a:gd name="f0" fmla="val w"/>
                <a:gd name="f1" fmla="val h"/>
                <a:gd name="f2" fmla="val ss"/>
                <a:gd name="f3" fmla="val 0"/>
                <a:gd name="f4" fmla="abs f0"/>
                <a:gd name="f5" fmla="abs f1"/>
                <a:gd name="f6" fmla="abs f2"/>
                <a:gd name="f7" fmla="?: f4 f0 1"/>
                <a:gd name="f8" fmla="?: f5 f1 1"/>
                <a:gd name="f9" fmla="?: f6 f2 1"/>
                <a:gd name="f10" fmla="*/ f7 1 21600"/>
                <a:gd name="f11" fmla="*/ f8 1 21600"/>
                <a:gd name="f12" fmla="*/ 21600 f7 1"/>
                <a:gd name="f13" fmla="*/ 21600 f8 1"/>
                <a:gd name="f14" fmla="min f11 f10"/>
                <a:gd name="f15" fmla="*/ f12 1 f9"/>
                <a:gd name="f16" fmla="*/ f13 1 f9"/>
                <a:gd name="f17" fmla="val f15"/>
                <a:gd name="f18" fmla="val f16"/>
                <a:gd name="f19" fmla="*/ f3 f14 1"/>
                <a:gd name="f20" fmla="+- f18 0 f3"/>
                <a:gd name="f21" fmla="+- f17 0 f3"/>
                <a:gd name="f22" fmla="*/ f17 f14 1"/>
                <a:gd name="f23" fmla="*/ f18 f14 1"/>
                <a:gd name="f24" fmla="*/ f20 1 2"/>
                <a:gd name="f25" fmla="*/ f20 1 4"/>
                <a:gd name="f26" fmla="*/ f21 1 2"/>
                <a:gd name="f27" fmla="*/ f21 1 4"/>
                <a:gd name="f28" fmla="*/ f21 3 1"/>
                <a:gd name="f29" fmla="*/ f20 3 1"/>
                <a:gd name="f30" fmla="+- f3 f24 0"/>
                <a:gd name="f31" fmla="+- f3 f26 0"/>
                <a:gd name="f32" fmla="*/ f28 1 4"/>
                <a:gd name="f33" fmla="*/ f29 1 4"/>
                <a:gd name="f34" fmla="*/ f27 f14 1"/>
                <a:gd name="f35" fmla="*/ f25 f14 1"/>
                <a:gd name="f36" fmla="*/ f32 f14 1"/>
                <a:gd name="f37" fmla="*/ f33 f14 1"/>
                <a:gd name="f38" fmla="*/ f30 f14 1"/>
                <a:gd name="f39" fmla="*/ f31 f1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f34" t="f35" r="f36" b="f37"/>
              <a:pathLst>
                <a:path>
                  <a:moveTo>
                    <a:pt x="f19" y="f38"/>
                  </a:moveTo>
                  <a:lnTo>
                    <a:pt x="f39" y="f19"/>
                  </a:lnTo>
                  <a:lnTo>
                    <a:pt x="f22" y="f38"/>
                  </a:lnTo>
                  <a:lnTo>
                    <a:pt x="f39" y="f23"/>
                  </a:lnTo>
                  <a:close/>
                </a:path>
              </a:pathLst>
            </a:custGeom>
            <a:solidFill>
              <a:srgbClr val="FF0000"/>
            </a:solidFill>
            <a:ln w="38103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Frutiger CE 55 Roman"/>
              </a:endParaRPr>
            </a:p>
          </p:txBody>
        </p:sp>
        <p:sp>
          <p:nvSpPr>
            <p:cNvPr id="19" name="Textfeld 15"/>
            <p:cNvSpPr txBox="1"/>
            <p:nvPr/>
          </p:nvSpPr>
          <p:spPr>
            <a:xfrm>
              <a:off x="4790605" y="2228978"/>
              <a:ext cx="481222" cy="584775"/>
            </a:xfrm>
            <a:prstGeom prst="rect">
              <a:avLst/>
            </a:prstGeom>
            <a:noFill/>
            <a:ln>
              <a:noFill/>
            </a:ln>
          </p:spPr>
          <p:txBody>
            <a:bodyPr vert="horz" wrap="none" lIns="91440" tIns="45720" rIns="91440" bIns="45720" anchor="t" anchorCtr="0" compatLnSpc="1">
              <a:spAutoFit/>
            </a:bodyPr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r>
                <a:rPr lang="de-DE" sz="3200" b="1">
                  <a:solidFill>
                    <a:srgbClr val="000000"/>
                  </a:solidFill>
                  <a:latin typeface="Frutiger CE 55 Roman"/>
                </a:rPr>
                <a:t>A</a:t>
              </a:r>
            </a:p>
          </p:txBody>
        </p:sp>
      </p:grpSp>
      <p:grpSp>
        <p:nvGrpSpPr>
          <p:cNvPr id="20" name="Gruppieren 13"/>
          <p:cNvGrpSpPr/>
          <p:nvPr/>
        </p:nvGrpSpPr>
        <p:grpSpPr>
          <a:xfrm>
            <a:off x="249713" y="926719"/>
            <a:ext cx="1080116" cy="1017772"/>
            <a:chOff x="3203847" y="2015301"/>
            <a:chExt cx="1080116" cy="1017772"/>
          </a:xfrm>
        </p:grpSpPr>
        <p:sp>
          <p:nvSpPr>
            <p:cNvPr id="21" name="Raute 5"/>
            <p:cNvSpPr/>
            <p:nvPr/>
          </p:nvSpPr>
          <p:spPr>
            <a:xfrm>
              <a:off x="3203847" y="2024966"/>
              <a:ext cx="1080116" cy="1008107"/>
            </a:xfrm>
            <a:custGeom>
              <a:avLst/>
              <a:gdLst>
                <a:gd name="f0" fmla="val w"/>
                <a:gd name="f1" fmla="val h"/>
                <a:gd name="f2" fmla="val ss"/>
                <a:gd name="f3" fmla="val 0"/>
                <a:gd name="f4" fmla="abs f0"/>
                <a:gd name="f5" fmla="abs f1"/>
                <a:gd name="f6" fmla="abs f2"/>
                <a:gd name="f7" fmla="?: f4 f0 1"/>
                <a:gd name="f8" fmla="?: f5 f1 1"/>
                <a:gd name="f9" fmla="?: f6 f2 1"/>
                <a:gd name="f10" fmla="*/ f7 1 21600"/>
                <a:gd name="f11" fmla="*/ f8 1 21600"/>
                <a:gd name="f12" fmla="*/ 21600 f7 1"/>
                <a:gd name="f13" fmla="*/ 21600 f8 1"/>
                <a:gd name="f14" fmla="min f11 f10"/>
                <a:gd name="f15" fmla="*/ f12 1 f9"/>
                <a:gd name="f16" fmla="*/ f13 1 f9"/>
                <a:gd name="f17" fmla="val f15"/>
                <a:gd name="f18" fmla="val f16"/>
                <a:gd name="f19" fmla="*/ f3 f14 1"/>
                <a:gd name="f20" fmla="+- f18 0 f3"/>
                <a:gd name="f21" fmla="+- f17 0 f3"/>
                <a:gd name="f22" fmla="*/ f17 f14 1"/>
                <a:gd name="f23" fmla="*/ f18 f14 1"/>
                <a:gd name="f24" fmla="*/ f20 1 2"/>
                <a:gd name="f25" fmla="*/ f20 1 4"/>
                <a:gd name="f26" fmla="*/ f21 1 2"/>
                <a:gd name="f27" fmla="*/ f21 1 4"/>
                <a:gd name="f28" fmla="*/ f21 3 1"/>
                <a:gd name="f29" fmla="*/ f20 3 1"/>
                <a:gd name="f30" fmla="+- f3 f24 0"/>
                <a:gd name="f31" fmla="+- f3 f26 0"/>
                <a:gd name="f32" fmla="*/ f28 1 4"/>
                <a:gd name="f33" fmla="*/ f29 1 4"/>
                <a:gd name="f34" fmla="*/ f27 f14 1"/>
                <a:gd name="f35" fmla="*/ f25 f14 1"/>
                <a:gd name="f36" fmla="*/ f32 f14 1"/>
                <a:gd name="f37" fmla="*/ f33 f14 1"/>
                <a:gd name="f38" fmla="*/ f30 f14 1"/>
                <a:gd name="f39" fmla="*/ f31 f1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f34" t="f35" r="f36" b="f37"/>
              <a:pathLst>
                <a:path>
                  <a:moveTo>
                    <a:pt x="f19" y="f38"/>
                  </a:moveTo>
                  <a:lnTo>
                    <a:pt x="f39" y="f19"/>
                  </a:lnTo>
                  <a:lnTo>
                    <a:pt x="f22" y="f38"/>
                  </a:lnTo>
                  <a:lnTo>
                    <a:pt x="f39" y="f23"/>
                  </a:lnTo>
                  <a:close/>
                </a:path>
              </a:pathLst>
            </a:custGeom>
            <a:solidFill>
              <a:srgbClr val="FF0000"/>
            </a:solidFill>
            <a:ln w="38103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Frutiger CE 55 Roman"/>
              </a:endParaRPr>
            </a:p>
          </p:txBody>
        </p:sp>
        <p:sp>
          <p:nvSpPr>
            <p:cNvPr id="22" name="Textfeld 21"/>
            <p:cNvSpPr txBox="1"/>
            <p:nvPr/>
          </p:nvSpPr>
          <p:spPr>
            <a:xfrm>
              <a:off x="3541196" y="2236631"/>
              <a:ext cx="481222" cy="584775"/>
            </a:xfrm>
            <a:prstGeom prst="rect">
              <a:avLst/>
            </a:prstGeom>
            <a:noFill/>
            <a:ln>
              <a:noFill/>
            </a:ln>
          </p:spPr>
          <p:txBody>
            <a:bodyPr vert="horz" wrap="none" lIns="91440" tIns="45720" rIns="91440" bIns="45720" anchor="t" anchorCtr="0" compatLnSpc="1">
              <a:spAutoFit/>
            </a:bodyPr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r>
                <a:rPr lang="de-DE" sz="3200" b="1">
                  <a:solidFill>
                    <a:srgbClr val="000000"/>
                  </a:solidFill>
                  <a:latin typeface="Frutiger CE 55 Roman"/>
                </a:rPr>
                <a:t>A</a:t>
              </a:r>
            </a:p>
          </p:txBody>
        </p:sp>
        <p:sp>
          <p:nvSpPr>
            <p:cNvPr id="23" name="Gleichschenkliges Dreieck 16"/>
            <p:cNvSpPr/>
            <p:nvPr/>
          </p:nvSpPr>
          <p:spPr>
            <a:xfrm>
              <a:off x="3532574" y="2015301"/>
              <a:ext cx="425909" cy="225363"/>
            </a:xfrm>
            <a:custGeom>
              <a:avLst/>
              <a:gdLst>
                <a:gd name="f0" fmla="val 10800000"/>
                <a:gd name="f1" fmla="val 5400000"/>
                <a:gd name="f2" fmla="val 180"/>
                <a:gd name="f3" fmla="val w"/>
                <a:gd name="f4" fmla="val h"/>
                <a:gd name="f5" fmla="val ss"/>
                <a:gd name="f6" fmla="val 0"/>
                <a:gd name="f7" fmla="val 50000"/>
                <a:gd name="f8" fmla="+- 0 0 -360"/>
                <a:gd name="f9" fmla="+- 0 0 -270"/>
                <a:gd name="f10" fmla="+- 0 0 -180"/>
                <a:gd name="f11" fmla="+- 0 0 -90"/>
                <a:gd name="f12" fmla="abs f3"/>
                <a:gd name="f13" fmla="abs f4"/>
                <a:gd name="f14" fmla="abs f5"/>
                <a:gd name="f15" fmla="*/ f8 f0 1"/>
                <a:gd name="f16" fmla="*/ f9 f0 1"/>
                <a:gd name="f17" fmla="*/ f10 f0 1"/>
                <a:gd name="f18" fmla="*/ f11 f0 1"/>
                <a:gd name="f19" fmla="?: f12 f3 1"/>
                <a:gd name="f20" fmla="?: f13 f4 1"/>
                <a:gd name="f21" fmla="?: f14 f5 1"/>
                <a:gd name="f22" fmla="*/ f15 1 f2"/>
                <a:gd name="f23" fmla="*/ f16 1 f2"/>
                <a:gd name="f24" fmla="*/ f17 1 f2"/>
                <a:gd name="f25" fmla="*/ f18 1 f2"/>
                <a:gd name="f26" fmla="*/ f19 1 21600"/>
                <a:gd name="f27" fmla="*/ f20 1 21600"/>
                <a:gd name="f28" fmla="*/ 21600 f19 1"/>
                <a:gd name="f29" fmla="*/ 21600 f20 1"/>
                <a:gd name="f30" fmla="+- f22 0 f1"/>
                <a:gd name="f31" fmla="+- f23 0 f1"/>
                <a:gd name="f32" fmla="+- f24 0 f1"/>
                <a:gd name="f33" fmla="+- f25 0 f1"/>
                <a:gd name="f34" fmla="min f27 f26"/>
                <a:gd name="f35" fmla="*/ f28 1 f21"/>
                <a:gd name="f36" fmla="*/ f29 1 f21"/>
                <a:gd name="f37" fmla="val f35"/>
                <a:gd name="f38" fmla="val f36"/>
                <a:gd name="f39" fmla="*/ f6 f34 1"/>
                <a:gd name="f40" fmla="+- f38 0 f6"/>
                <a:gd name="f41" fmla="+- f37 0 f6"/>
                <a:gd name="f42" fmla="*/ f38 f34 1"/>
                <a:gd name="f43" fmla="*/ f37 f34 1"/>
                <a:gd name="f44" fmla="*/ f40 1 2"/>
                <a:gd name="f45" fmla="*/ f41 1 2"/>
                <a:gd name="f46" fmla="*/ f41 f7 1"/>
                <a:gd name="f47" fmla="+- f6 f44 0"/>
                <a:gd name="f48" fmla="*/ f46 1 200000"/>
                <a:gd name="f49" fmla="*/ f46 1 100000"/>
                <a:gd name="f50" fmla="+- f48 f45 0"/>
                <a:gd name="f51" fmla="*/ f48 f34 1"/>
                <a:gd name="f52" fmla="*/ f47 f34 1"/>
                <a:gd name="f53" fmla="*/ f49 f34 1"/>
                <a:gd name="f54" fmla="*/ f50 f3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  <a:cxn ang="f30">
                  <a:pos x="f53" y="f39"/>
                </a:cxn>
                <a:cxn ang="f31">
                  <a:pos x="f51" y="f52"/>
                </a:cxn>
                <a:cxn ang="f32">
                  <a:pos x="f39" y="f42"/>
                </a:cxn>
                <a:cxn ang="f32">
                  <a:pos x="f53" y="f42"/>
                </a:cxn>
                <a:cxn ang="f32">
                  <a:pos x="f43" y="f42"/>
                </a:cxn>
                <a:cxn ang="f33">
                  <a:pos x="f54" y="f52"/>
                </a:cxn>
              </a:cxnLst>
              <a:rect l="f51" t="f52" r="f54" b="f42"/>
              <a:pathLst>
                <a:path>
                  <a:moveTo>
                    <a:pt x="f39" y="f42"/>
                  </a:moveTo>
                  <a:lnTo>
                    <a:pt x="f53" y="f39"/>
                  </a:lnTo>
                  <a:lnTo>
                    <a:pt x="f43" y="f42"/>
                  </a:lnTo>
                  <a:close/>
                </a:path>
              </a:pathLst>
            </a:custGeom>
            <a:solidFill>
              <a:srgbClr val="000000"/>
            </a:solidFill>
            <a:ln w="25402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Frutiger CE 55 Roman"/>
              </a:endParaRPr>
            </a:p>
          </p:txBody>
        </p:sp>
      </p:grpSp>
      <p:sp>
        <p:nvSpPr>
          <p:cNvPr id="24" name="Fußzeilenplatzhalter 4">
            <a:extLst>
              <a:ext uri="{FF2B5EF4-FFF2-40B4-BE49-F238E27FC236}">
                <a16:creationId xmlns:a16="http://schemas.microsoft.com/office/drawing/2014/main" id="{3C241101-4096-4687-93A0-697E56D1B8C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01286988"/>
      </p:ext>
    </p:extLst>
  </p:cSld>
  <p:clrMapOvr>
    <a:masterClrMapping/>
  </p:clrMapOvr>
  <p:transition spd="med">
    <p:pull/>
  </p:transition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Gruppe im ABC-Einsatz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Bildplatzhalter 4" descr="Ein Bild, das Text, Strichzeichnung enthält.&#10;&#10;Automatisch generierte Beschreibung">
            <a:extLst>
              <a:ext uri="{FF2B5EF4-FFF2-40B4-BE49-F238E27FC236}">
                <a16:creationId xmlns:a16="http://schemas.microsoft.com/office/drawing/2014/main" id="{EC87B86E-0F24-4F2E-91C6-0E5C1A64BD4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2451127" y="93701"/>
            <a:ext cx="425250" cy="648000"/>
          </a:xfrm>
          <a:prstGeom prst="rect">
            <a:avLst/>
          </a:prstGeom>
        </p:spPr>
      </p:pic>
      <p:sp>
        <p:nvSpPr>
          <p:cNvPr id="7" name="Text Box 7"/>
          <p:cNvSpPr txBox="1">
            <a:spLocks noChangeArrowheads="1"/>
          </p:cNvSpPr>
          <p:nvPr/>
        </p:nvSpPr>
        <p:spPr bwMode="auto">
          <a:xfrm>
            <a:off x="2466188" y="1268691"/>
            <a:ext cx="2376488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pPr>
              <a:spcBef>
                <a:spcPct val="50000"/>
              </a:spcBef>
            </a:pPr>
            <a:r>
              <a:rPr lang="de-DE" altLang="de-DE" sz="1800" b="1" dirty="0">
                <a:latin typeface="Frutiger CE 55 Roman"/>
              </a:rPr>
              <a:t>Wassertrupp</a:t>
            </a:r>
          </a:p>
        </p:txBody>
      </p:sp>
      <p:sp>
        <p:nvSpPr>
          <p:cNvPr id="8" name="Text Box 10"/>
          <p:cNvSpPr txBox="1">
            <a:spLocks noChangeArrowheads="1"/>
          </p:cNvSpPr>
          <p:nvPr/>
        </p:nvSpPr>
        <p:spPr bwMode="auto">
          <a:xfrm>
            <a:off x="252000" y="2482589"/>
            <a:ext cx="8640000" cy="161582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 marL="85725" indent="-85725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Rettet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Rüstet sich mit persönlicher Sonderausrüstung aus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Übernimmt die Funktion des Sicherheitstrupps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Führt die erforderliche Dekon-Stufe I (Sofort-Dekontamination) durch</a:t>
            </a:r>
          </a:p>
        </p:txBody>
      </p:sp>
      <p:grpSp>
        <p:nvGrpSpPr>
          <p:cNvPr id="9" name="Gruppieren 8"/>
          <p:cNvGrpSpPr/>
          <p:nvPr/>
        </p:nvGrpSpPr>
        <p:grpSpPr>
          <a:xfrm>
            <a:off x="8027760" y="1534048"/>
            <a:ext cx="1009499" cy="700853"/>
            <a:chOff x="8150772" y="3318929"/>
            <a:chExt cx="1009499" cy="700853"/>
          </a:xfrm>
        </p:grpSpPr>
        <p:grpSp>
          <p:nvGrpSpPr>
            <p:cNvPr id="10" name="Gruppieren 9"/>
            <p:cNvGrpSpPr/>
            <p:nvPr/>
          </p:nvGrpSpPr>
          <p:grpSpPr>
            <a:xfrm>
              <a:off x="8150772" y="3457338"/>
              <a:ext cx="1009499" cy="562444"/>
              <a:chOff x="2229103" y="2665427"/>
              <a:chExt cx="1009499" cy="562444"/>
            </a:xfrm>
          </p:grpSpPr>
          <p:sp>
            <p:nvSpPr>
              <p:cNvPr id="14" name="Rechteck 13"/>
              <p:cNvSpPr/>
              <p:nvPr/>
            </p:nvSpPr>
            <p:spPr>
              <a:xfrm>
                <a:off x="2229103" y="2665427"/>
                <a:ext cx="1008112" cy="562444"/>
              </a:xfrm>
              <a:prstGeom prst="rect">
                <a:avLst/>
              </a:prstGeom>
              <a:solidFill>
                <a:srgbClr val="FF0000"/>
              </a:solidFill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  <p:cxnSp>
            <p:nvCxnSpPr>
              <p:cNvPr id="15" name="Gerade Verbindung 192"/>
              <p:cNvCxnSpPr/>
              <p:nvPr/>
            </p:nvCxnSpPr>
            <p:spPr>
              <a:xfrm>
                <a:off x="2229103" y="2943571"/>
                <a:ext cx="1008112" cy="0"/>
              </a:xfrm>
              <a:prstGeom prst="lin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</p:cxnSp>
          <p:sp>
            <p:nvSpPr>
              <p:cNvPr id="16" name="Gleichschenkliges Dreieck 15"/>
              <p:cNvSpPr/>
              <p:nvPr/>
            </p:nvSpPr>
            <p:spPr>
              <a:xfrm rot="16200000">
                <a:off x="2758684" y="2746266"/>
                <a:ext cx="560758" cy="399079"/>
              </a:xfrm>
              <a:prstGeom prst="triangl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</p:grpSp>
        <p:grpSp>
          <p:nvGrpSpPr>
            <p:cNvPr id="11" name="Gruppieren 10"/>
            <p:cNvGrpSpPr/>
            <p:nvPr/>
          </p:nvGrpSpPr>
          <p:grpSpPr>
            <a:xfrm>
              <a:off x="8561099" y="3318929"/>
              <a:ext cx="221644" cy="86400"/>
              <a:chOff x="8443328" y="2862811"/>
              <a:chExt cx="221644" cy="86400"/>
            </a:xfrm>
          </p:grpSpPr>
          <p:sp>
            <p:nvSpPr>
              <p:cNvPr id="12" name="Ellipse 25"/>
              <p:cNvSpPr/>
              <p:nvPr/>
            </p:nvSpPr>
            <p:spPr>
              <a:xfrm>
                <a:off x="8578181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3" name="Ellipse 25"/>
              <p:cNvSpPr/>
              <p:nvPr/>
            </p:nvSpPr>
            <p:spPr>
              <a:xfrm>
                <a:off x="8443328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grpSp>
        <p:nvGrpSpPr>
          <p:cNvPr id="17" name="Gruppieren 10"/>
          <p:cNvGrpSpPr/>
          <p:nvPr/>
        </p:nvGrpSpPr>
        <p:grpSpPr>
          <a:xfrm>
            <a:off x="252000" y="933577"/>
            <a:ext cx="1080116" cy="1017022"/>
            <a:chOff x="3190204" y="2008397"/>
            <a:chExt cx="1080116" cy="1017022"/>
          </a:xfrm>
        </p:grpSpPr>
        <p:sp>
          <p:nvSpPr>
            <p:cNvPr id="18" name="Raute 7"/>
            <p:cNvSpPr/>
            <p:nvPr/>
          </p:nvSpPr>
          <p:spPr>
            <a:xfrm>
              <a:off x="3190204" y="2017312"/>
              <a:ext cx="1080116" cy="1008107"/>
            </a:xfrm>
            <a:custGeom>
              <a:avLst/>
              <a:gdLst>
                <a:gd name="f0" fmla="val w"/>
                <a:gd name="f1" fmla="val h"/>
                <a:gd name="f2" fmla="val ss"/>
                <a:gd name="f3" fmla="val 0"/>
                <a:gd name="f4" fmla="abs f0"/>
                <a:gd name="f5" fmla="abs f1"/>
                <a:gd name="f6" fmla="abs f2"/>
                <a:gd name="f7" fmla="?: f4 f0 1"/>
                <a:gd name="f8" fmla="?: f5 f1 1"/>
                <a:gd name="f9" fmla="?: f6 f2 1"/>
                <a:gd name="f10" fmla="*/ f7 1 21600"/>
                <a:gd name="f11" fmla="*/ f8 1 21600"/>
                <a:gd name="f12" fmla="*/ 21600 f7 1"/>
                <a:gd name="f13" fmla="*/ 21600 f8 1"/>
                <a:gd name="f14" fmla="min f11 f10"/>
                <a:gd name="f15" fmla="*/ f12 1 f9"/>
                <a:gd name="f16" fmla="*/ f13 1 f9"/>
                <a:gd name="f17" fmla="val f15"/>
                <a:gd name="f18" fmla="val f16"/>
                <a:gd name="f19" fmla="*/ f3 f14 1"/>
                <a:gd name="f20" fmla="+- f18 0 f3"/>
                <a:gd name="f21" fmla="+- f17 0 f3"/>
                <a:gd name="f22" fmla="*/ f17 f14 1"/>
                <a:gd name="f23" fmla="*/ f18 f14 1"/>
                <a:gd name="f24" fmla="*/ f20 1 2"/>
                <a:gd name="f25" fmla="*/ f20 1 4"/>
                <a:gd name="f26" fmla="*/ f21 1 2"/>
                <a:gd name="f27" fmla="*/ f21 1 4"/>
                <a:gd name="f28" fmla="*/ f21 3 1"/>
                <a:gd name="f29" fmla="*/ f20 3 1"/>
                <a:gd name="f30" fmla="+- f3 f24 0"/>
                <a:gd name="f31" fmla="+- f3 f26 0"/>
                <a:gd name="f32" fmla="*/ f28 1 4"/>
                <a:gd name="f33" fmla="*/ f29 1 4"/>
                <a:gd name="f34" fmla="*/ f27 f14 1"/>
                <a:gd name="f35" fmla="*/ f25 f14 1"/>
                <a:gd name="f36" fmla="*/ f32 f14 1"/>
                <a:gd name="f37" fmla="*/ f33 f14 1"/>
                <a:gd name="f38" fmla="*/ f30 f14 1"/>
                <a:gd name="f39" fmla="*/ f31 f1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f34" t="f35" r="f36" b="f37"/>
              <a:pathLst>
                <a:path>
                  <a:moveTo>
                    <a:pt x="f19" y="f38"/>
                  </a:moveTo>
                  <a:lnTo>
                    <a:pt x="f39" y="f19"/>
                  </a:lnTo>
                  <a:lnTo>
                    <a:pt x="f22" y="f38"/>
                  </a:lnTo>
                  <a:lnTo>
                    <a:pt x="f39" y="f23"/>
                  </a:lnTo>
                  <a:close/>
                </a:path>
              </a:pathLst>
            </a:custGeom>
            <a:solidFill>
              <a:srgbClr val="558ED5"/>
            </a:solidFill>
            <a:ln w="38103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19" name="Gleichschenkliges Dreieck 17"/>
            <p:cNvSpPr/>
            <p:nvPr/>
          </p:nvSpPr>
          <p:spPr>
            <a:xfrm>
              <a:off x="3513911" y="2008397"/>
              <a:ext cx="425909" cy="225363"/>
            </a:xfrm>
            <a:custGeom>
              <a:avLst/>
              <a:gdLst>
                <a:gd name="f0" fmla="val 10800000"/>
                <a:gd name="f1" fmla="val 5400000"/>
                <a:gd name="f2" fmla="val 180"/>
                <a:gd name="f3" fmla="val w"/>
                <a:gd name="f4" fmla="val h"/>
                <a:gd name="f5" fmla="val ss"/>
                <a:gd name="f6" fmla="val 0"/>
                <a:gd name="f7" fmla="val 50000"/>
                <a:gd name="f8" fmla="+- 0 0 -360"/>
                <a:gd name="f9" fmla="+- 0 0 -270"/>
                <a:gd name="f10" fmla="+- 0 0 -180"/>
                <a:gd name="f11" fmla="+- 0 0 -90"/>
                <a:gd name="f12" fmla="abs f3"/>
                <a:gd name="f13" fmla="abs f4"/>
                <a:gd name="f14" fmla="abs f5"/>
                <a:gd name="f15" fmla="*/ f8 f0 1"/>
                <a:gd name="f16" fmla="*/ f9 f0 1"/>
                <a:gd name="f17" fmla="*/ f10 f0 1"/>
                <a:gd name="f18" fmla="*/ f11 f0 1"/>
                <a:gd name="f19" fmla="?: f12 f3 1"/>
                <a:gd name="f20" fmla="?: f13 f4 1"/>
                <a:gd name="f21" fmla="?: f14 f5 1"/>
                <a:gd name="f22" fmla="*/ f15 1 f2"/>
                <a:gd name="f23" fmla="*/ f16 1 f2"/>
                <a:gd name="f24" fmla="*/ f17 1 f2"/>
                <a:gd name="f25" fmla="*/ f18 1 f2"/>
                <a:gd name="f26" fmla="*/ f19 1 21600"/>
                <a:gd name="f27" fmla="*/ f20 1 21600"/>
                <a:gd name="f28" fmla="*/ 21600 f19 1"/>
                <a:gd name="f29" fmla="*/ 21600 f20 1"/>
                <a:gd name="f30" fmla="+- f22 0 f1"/>
                <a:gd name="f31" fmla="+- f23 0 f1"/>
                <a:gd name="f32" fmla="+- f24 0 f1"/>
                <a:gd name="f33" fmla="+- f25 0 f1"/>
                <a:gd name="f34" fmla="min f27 f26"/>
                <a:gd name="f35" fmla="*/ f28 1 f21"/>
                <a:gd name="f36" fmla="*/ f29 1 f21"/>
                <a:gd name="f37" fmla="val f35"/>
                <a:gd name="f38" fmla="val f36"/>
                <a:gd name="f39" fmla="*/ f6 f34 1"/>
                <a:gd name="f40" fmla="+- f38 0 f6"/>
                <a:gd name="f41" fmla="+- f37 0 f6"/>
                <a:gd name="f42" fmla="*/ f38 f34 1"/>
                <a:gd name="f43" fmla="*/ f37 f34 1"/>
                <a:gd name="f44" fmla="*/ f40 1 2"/>
                <a:gd name="f45" fmla="*/ f41 1 2"/>
                <a:gd name="f46" fmla="*/ f41 f7 1"/>
                <a:gd name="f47" fmla="+- f6 f44 0"/>
                <a:gd name="f48" fmla="*/ f46 1 200000"/>
                <a:gd name="f49" fmla="*/ f46 1 100000"/>
                <a:gd name="f50" fmla="+- f48 f45 0"/>
                <a:gd name="f51" fmla="*/ f48 f34 1"/>
                <a:gd name="f52" fmla="*/ f47 f34 1"/>
                <a:gd name="f53" fmla="*/ f49 f34 1"/>
                <a:gd name="f54" fmla="*/ f50 f3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  <a:cxn ang="f30">
                  <a:pos x="f53" y="f39"/>
                </a:cxn>
                <a:cxn ang="f31">
                  <a:pos x="f51" y="f52"/>
                </a:cxn>
                <a:cxn ang="f32">
                  <a:pos x="f39" y="f42"/>
                </a:cxn>
                <a:cxn ang="f32">
                  <a:pos x="f53" y="f42"/>
                </a:cxn>
                <a:cxn ang="f32">
                  <a:pos x="f43" y="f42"/>
                </a:cxn>
                <a:cxn ang="f33">
                  <a:pos x="f54" y="f52"/>
                </a:cxn>
              </a:cxnLst>
              <a:rect l="f51" t="f52" r="f54" b="f42"/>
              <a:pathLst>
                <a:path>
                  <a:moveTo>
                    <a:pt x="f39" y="f42"/>
                  </a:moveTo>
                  <a:lnTo>
                    <a:pt x="f53" y="f39"/>
                  </a:lnTo>
                  <a:lnTo>
                    <a:pt x="f43" y="f42"/>
                  </a:lnTo>
                  <a:close/>
                </a:path>
              </a:pathLst>
            </a:custGeom>
            <a:solidFill>
              <a:srgbClr val="000000"/>
            </a:solidFill>
            <a:ln w="25402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20" name="Textfeld 19"/>
            <p:cNvSpPr txBox="1"/>
            <p:nvPr/>
          </p:nvSpPr>
          <p:spPr>
            <a:xfrm>
              <a:off x="3465841" y="2235790"/>
              <a:ext cx="556558" cy="584777"/>
            </a:xfrm>
            <a:prstGeom prst="rect">
              <a:avLst/>
            </a:prstGeom>
            <a:noFill/>
            <a:ln>
              <a:noFill/>
            </a:ln>
          </p:spPr>
          <p:txBody>
            <a:bodyPr vert="horz" wrap="none" lIns="91440" tIns="45720" rIns="91440" bIns="45720" anchor="t" anchorCtr="0" compatLnSpc="1">
              <a:spAutoFit/>
            </a:bodyPr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r>
                <a:rPr lang="de-DE" sz="3200" b="1" dirty="0">
                  <a:solidFill>
                    <a:srgbClr val="000000"/>
                  </a:solidFill>
                  <a:latin typeface="Calibri"/>
                </a:rPr>
                <a:t>W</a:t>
              </a:r>
            </a:p>
          </p:txBody>
        </p:sp>
      </p:grpSp>
      <p:grpSp>
        <p:nvGrpSpPr>
          <p:cNvPr id="21" name="Gruppieren 29"/>
          <p:cNvGrpSpPr/>
          <p:nvPr/>
        </p:nvGrpSpPr>
        <p:grpSpPr>
          <a:xfrm>
            <a:off x="1386072" y="949306"/>
            <a:ext cx="1080116" cy="1008107"/>
            <a:chOff x="4438698" y="2016142"/>
            <a:chExt cx="1080116" cy="1008107"/>
          </a:xfrm>
        </p:grpSpPr>
        <p:sp>
          <p:nvSpPr>
            <p:cNvPr id="22" name="Raute 8"/>
            <p:cNvSpPr/>
            <p:nvPr/>
          </p:nvSpPr>
          <p:spPr>
            <a:xfrm>
              <a:off x="4438698" y="2016142"/>
              <a:ext cx="1080116" cy="1008107"/>
            </a:xfrm>
            <a:custGeom>
              <a:avLst/>
              <a:gdLst>
                <a:gd name="f0" fmla="val w"/>
                <a:gd name="f1" fmla="val h"/>
                <a:gd name="f2" fmla="val ss"/>
                <a:gd name="f3" fmla="val 0"/>
                <a:gd name="f4" fmla="abs f0"/>
                <a:gd name="f5" fmla="abs f1"/>
                <a:gd name="f6" fmla="abs f2"/>
                <a:gd name="f7" fmla="?: f4 f0 1"/>
                <a:gd name="f8" fmla="?: f5 f1 1"/>
                <a:gd name="f9" fmla="?: f6 f2 1"/>
                <a:gd name="f10" fmla="*/ f7 1 21600"/>
                <a:gd name="f11" fmla="*/ f8 1 21600"/>
                <a:gd name="f12" fmla="*/ 21600 f7 1"/>
                <a:gd name="f13" fmla="*/ 21600 f8 1"/>
                <a:gd name="f14" fmla="min f11 f10"/>
                <a:gd name="f15" fmla="*/ f12 1 f9"/>
                <a:gd name="f16" fmla="*/ f13 1 f9"/>
                <a:gd name="f17" fmla="val f15"/>
                <a:gd name="f18" fmla="val f16"/>
                <a:gd name="f19" fmla="*/ f3 f14 1"/>
                <a:gd name="f20" fmla="+- f18 0 f3"/>
                <a:gd name="f21" fmla="+- f17 0 f3"/>
                <a:gd name="f22" fmla="*/ f17 f14 1"/>
                <a:gd name="f23" fmla="*/ f18 f14 1"/>
                <a:gd name="f24" fmla="*/ f20 1 2"/>
                <a:gd name="f25" fmla="*/ f20 1 4"/>
                <a:gd name="f26" fmla="*/ f21 1 2"/>
                <a:gd name="f27" fmla="*/ f21 1 4"/>
                <a:gd name="f28" fmla="*/ f21 3 1"/>
                <a:gd name="f29" fmla="*/ f20 3 1"/>
                <a:gd name="f30" fmla="+- f3 f24 0"/>
                <a:gd name="f31" fmla="+- f3 f26 0"/>
                <a:gd name="f32" fmla="*/ f28 1 4"/>
                <a:gd name="f33" fmla="*/ f29 1 4"/>
                <a:gd name="f34" fmla="*/ f27 f14 1"/>
                <a:gd name="f35" fmla="*/ f25 f14 1"/>
                <a:gd name="f36" fmla="*/ f32 f14 1"/>
                <a:gd name="f37" fmla="*/ f33 f14 1"/>
                <a:gd name="f38" fmla="*/ f30 f14 1"/>
                <a:gd name="f39" fmla="*/ f31 f1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f34" t="f35" r="f36" b="f37"/>
              <a:pathLst>
                <a:path>
                  <a:moveTo>
                    <a:pt x="f19" y="f38"/>
                  </a:moveTo>
                  <a:lnTo>
                    <a:pt x="f39" y="f19"/>
                  </a:lnTo>
                  <a:lnTo>
                    <a:pt x="f22" y="f38"/>
                  </a:lnTo>
                  <a:lnTo>
                    <a:pt x="f39" y="f23"/>
                  </a:lnTo>
                  <a:close/>
                </a:path>
              </a:pathLst>
            </a:custGeom>
            <a:solidFill>
              <a:srgbClr val="558ED5"/>
            </a:solidFill>
            <a:ln w="38103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Calibri"/>
              </a:endParaRPr>
            </a:p>
          </p:txBody>
        </p:sp>
        <p:sp>
          <p:nvSpPr>
            <p:cNvPr id="23" name="Textfeld 16"/>
            <p:cNvSpPr txBox="1"/>
            <p:nvPr/>
          </p:nvSpPr>
          <p:spPr>
            <a:xfrm>
              <a:off x="4714335" y="2242785"/>
              <a:ext cx="556558" cy="584777"/>
            </a:xfrm>
            <a:prstGeom prst="rect">
              <a:avLst/>
            </a:prstGeom>
            <a:noFill/>
            <a:ln>
              <a:noFill/>
            </a:ln>
          </p:spPr>
          <p:txBody>
            <a:bodyPr vert="horz" wrap="none" lIns="91440" tIns="45720" rIns="91440" bIns="45720" anchor="t" anchorCtr="0" compatLnSpc="1">
              <a:spAutoFit/>
            </a:bodyPr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r>
                <a:rPr lang="de-DE" sz="3200" b="1" dirty="0">
                  <a:solidFill>
                    <a:srgbClr val="000000"/>
                  </a:solidFill>
                  <a:latin typeface="Calibri"/>
                </a:rPr>
                <a:t>W</a:t>
              </a:r>
            </a:p>
          </p:txBody>
        </p:sp>
      </p:grpSp>
      <p:sp>
        <p:nvSpPr>
          <p:cNvPr id="24" name="Fußzeilenplatzhalter 4">
            <a:extLst>
              <a:ext uri="{FF2B5EF4-FFF2-40B4-BE49-F238E27FC236}">
                <a16:creationId xmlns:a16="http://schemas.microsoft.com/office/drawing/2014/main" id="{B265EDD6-2A50-40A6-AEBE-403005A0A8BC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82202139"/>
      </p:ext>
    </p:extLst>
  </p:cSld>
  <p:clrMapOvr>
    <a:masterClrMapping/>
  </p:clrMapOvr>
  <p:transition spd="med">
    <p:pull/>
  </p:transition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Gruppe im ABC-Einsatz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Bildplatzhalter 4" descr="Ein Bild, das Text, Strichzeichnung enthält.&#10;&#10;Automatisch generierte Beschreibung">
            <a:extLst>
              <a:ext uri="{FF2B5EF4-FFF2-40B4-BE49-F238E27FC236}">
                <a16:creationId xmlns:a16="http://schemas.microsoft.com/office/drawing/2014/main" id="{EC87B86E-0F24-4F2E-91C6-0E5C1A64BD4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2451127" y="93701"/>
            <a:ext cx="425250" cy="648000"/>
          </a:xfrm>
          <a:prstGeom prst="rect">
            <a:avLst/>
          </a:prstGeom>
        </p:spPr>
      </p:pic>
      <p:sp>
        <p:nvSpPr>
          <p:cNvPr id="24" name="Text Box 7"/>
          <p:cNvSpPr txBox="1">
            <a:spLocks noChangeArrowheads="1"/>
          </p:cNvSpPr>
          <p:nvPr/>
        </p:nvSpPr>
        <p:spPr bwMode="auto">
          <a:xfrm>
            <a:off x="2461684" y="1267140"/>
            <a:ext cx="2376488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pPr>
              <a:spcBef>
                <a:spcPct val="50000"/>
              </a:spcBef>
            </a:pPr>
            <a:r>
              <a:rPr lang="de-DE" altLang="de-DE" sz="1800" b="1" dirty="0">
                <a:latin typeface="Frutiger CE 55 Roman"/>
              </a:rPr>
              <a:t>Schlauchtrupp</a:t>
            </a:r>
          </a:p>
        </p:txBody>
      </p:sp>
      <p:sp>
        <p:nvSpPr>
          <p:cNvPr id="25" name="Text Box 10"/>
          <p:cNvSpPr txBox="1">
            <a:spLocks noChangeArrowheads="1"/>
          </p:cNvSpPr>
          <p:nvPr/>
        </p:nvSpPr>
        <p:spPr bwMode="auto">
          <a:xfrm>
            <a:off x="252000" y="2621089"/>
            <a:ext cx="8640000" cy="161582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 marL="85725" indent="-85725">
              <a:defRPr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2pPr>
            <a:lvl3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3pPr>
            <a:lvl4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4pPr>
            <a:lvl5pPr>
              <a:defRPr>
                <a:solidFill>
                  <a:schemeClr val="tx1"/>
                </a:solidFill>
                <a:latin typeface="Arial" panose="020B0604020202020204" pitchFamily="34" charset="0"/>
              </a:defRPr>
            </a:lvl5pPr>
            <a:lvl6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6pPr>
            <a:lvl7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7pPr>
            <a:lvl8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8pPr>
            <a:lvl9pPr fontAlgn="base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anose="020B0604020202020204" pitchFamily="34" charset="0"/>
              </a:defRPr>
            </a:lvl9pPr>
          </a:lstStyle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Rettet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Stellt die notwendigen Geräte an der Grenze zum Gefahrenbereich bereit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Übernimmt außerhalb des Gefahrenbereiches die Absicherung der Einsatzstelle</a:t>
            </a:r>
          </a:p>
          <a:p>
            <a:pPr marL="285750" indent="-285750">
              <a:spcBef>
                <a:spcPct val="50000"/>
              </a:spcBef>
              <a:buFont typeface="Wingdings" panose="05000000000000000000" pitchFamily="2" charset="2"/>
              <a:buChar char="§"/>
            </a:pPr>
            <a:r>
              <a:rPr lang="de-DE" altLang="de-DE" sz="1800" dirty="0">
                <a:latin typeface="Frutiger CE 55 Roman"/>
              </a:rPr>
              <a:t> Markiert den Gefahrenbereich und überwacht diesen von außerhalb</a:t>
            </a:r>
          </a:p>
        </p:txBody>
      </p:sp>
      <p:grpSp>
        <p:nvGrpSpPr>
          <p:cNvPr id="26" name="Gruppieren 25"/>
          <p:cNvGrpSpPr/>
          <p:nvPr/>
        </p:nvGrpSpPr>
        <p:grpSpPr>
          <a:xfrm>
            <a:off x="8027760" y="1534048"/>
            <a:ext cx="1009499" cy="700853"/>
            <a:chOff x="8150772" y="3318929"/>
            <a:chExt cx="1009499" cy="700853"/>
          </a:xfrm>
        </p:grpSpPr>
        <p:grpSp>
          <p:nvGrpSpPr>
            <p:cNvPr id="27" name="Gruppieren 26"/>
            <p:cNvGrpSpPr/>
            <p:nvPr/>
          </p:nvGrpSpPr>
          <p:grpSpPr>
            <a:xfrm>
              <a:off x="8150772" y="3457338"/>
              <a:ext cx="1009499" cy="562444"/>
              <a:chOff x="2229103" y="2665427"/>
              <a:chExt cx="1009499" cy="562444"/>
            </a:xfrm>
          </p:grpSpPr>
          <p:sp>
            <p:nvSpPr>
              <p:cNvPr id="31" name="Rechteck 30"/>
              <p:cNvSpPr/>
              <p:nvPr/>
            </p:nvSpPr>
            <p:spPr>
              <a:xfrm>
                <a:off x="2229103" y="2665427"/>
                <a:ext cx="1008112" cy="562444"/>
              </a:xfrm>
              <a:prstGeom prst="rect">
                <a:avLst/>
              </a:prstGeom>
              <a:solidFill>
                <a:srgbClr val="FF0000"/>
              </a:solidFill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  <p:cxnSp>
            <p:nvCxnSpPr>
              <p:cNvPr id="32" name="Gerade Verbindung 192"/>
              <p:cNvCxnSpPr/>
              <p:nvPr/>
            </p:nvCxnSpPr>
            <p:spPr>
              <a:xfrm>
                <a:off x="2229103" y="2943571"/>
                <a:ext cx="1008112" cy="0"/>
              </a:xfrm>
              <a:prstGeom prst="lin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</p:cxnSp>
          <p:sp>
            <p:nvSpPr>
              <p:cNvPr id="33" name="Gleichschenkliges Dreieck 32"/>
              <p:cNvSpPr/>
              <p:nvPr/>
            </p:nvSpPr>
            <p:spPr>
              <a:xfrm rot="16200000">
                <a:off x="2758684" y="2746266"/>
                <a:ext cx="560758" cy="399079"/>
              </a:xfrm>
              <a:prstGeom prst="triangl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</p:grpSp>
        <p:grpSp>
          <p:nvGrpSpPr>
            <p:cNvPr id="28" name="Gruppieren 27"/>
            <p:cNvGrpSpPr/>
            <p:nvPr/>
          </p:nvGrpSpPr>
          <p:grpSpPr>
            <a:xfrm>
              <a:off x="8561099" y="3318929"/>
              <a:ext cx="221644" cy="86400"/>
              <a:chOff x="8443328" y="2862811"/>
              <a:chExt cx="221644" cy="86400"/>
            </a:xfrm>
          </p:grpSpPr>
          <p:sp>
            <p:nvSpPr>
              <p:cNvPr id="29" name="Ellipse 25"/>
              <p:cNvSpPr/>
              <p:nvPr/>
            </p:nvSpPr>
            <p:spPr>
              <a:xfrm>
                <a:off x="8578181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30" name="Ellipse 25"/>
              <p:cNvSpPr/>
              <p:nvPr/>
            </p:nvSpPr>
            <p:spPr>
              <a:xfrm>
                <a:off x="8443328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grpSp>
        <p:nvGrpSpPr>
          <p:cNvPr id="34" name="Gruppieren 28"/>
          <p:cNvGrpSpPr/>
          <p:nvPr/>
        </p:nvGrpSpPr>
        <p:grpSpPr>
          <a:xfrm>
            <a:off x="1381568" y="941086"/>
            <a:ext cx="1080116" cy="1008107"/>
            <a:chOff x="4444249" y="2021116"/>
            <a:chExt cx="1080116" cy="1008107"/>
          </a:xfrm>
        </p:grpSpPr>
        <p:sp>
          <p:nvSpPr>
            <p:cNvPr id="35" name="Raute 9"/>
            <p:cNvSpPr/>
            <p:nvPr/>
          </p:nvSpPr>
          <p:spPr>
            <a:xfrm>
              <a:off x="4444249" y="2021116"/>
              <a:ext cx="1080116" cy="1008107"/>
            </a:xfrm>
            <a:custGeom>
              <a:avLst/>
              <a:gdLst>
                <a:gd name="f0" fmla="val w"/>
                <a:gd name="f1" fmla="val h"/>
                <a:gd name="f2" fmla="val ss"/>
                <a:gd name="f3" fmla="val 0"/>
                <a:gd name="f4" fmla="abs f0"/>
                <a:gd name="f5" fmla="abs f1"/>
                <a:gd name="f6" fmla="abs f2"/>
                <a:gd name="f7" fmla="?: f4 f0 1"/>
                <a:gd name="f8" fmla="?: f5 f1 1"/>
                <a:gd name="f9" fmla="?: f6 f2 1"/>
                <a:gd name="f10" fmla="*/ f7 1 21600"/>
                <a:gd name="f11" fmla="*/ f8 1 21600"/>
                <a:gd name="f12" fmla="*/ 21600 f7 1"/>
                <a:gd name="f13" fmla="*/ 21600 f8 1"/>
                <a:gd name="f14" fmla="min f11 f10"/>
                <a:gd name="f15" fmla="*/ f12 1 f9"/>
                <a:gd name="f16" fmla="*/ f13 1 f9"/>
                <a:gd name="f17" fmla="val f15"/>
                <a:gd name="f18" fmla="val f16"/>
                <a:gd name="f19" fmla="*/ f3 f14 1"/>
                <a:gd name="f20" fmla="+- f18 0 f3"/>
                <a:gd name="f21" fmla="+- f17 0 f3"/>
                <a:gd name="f22" fmla="*/ f17 f14 1"/>
                <a:gd name="f23" fmla="*/ f18 f14 1"/>
                <a:gd name="f24" fmla="*/ f20 1 2"/>
                <a:gd name="f25" fmla="*/ f20 1 4"/>
                <a:gd name="f26" fmla="*/ f21 1 2"/>
                <a:gd name="f27" fmla="*/ f21 1 4"/>
                <a:gd name="f28" fmla="*/ f21 3 1"/>
                <a:gd name="f29" fmla="*/ f20 3 1"/>
                <a:gd name="f30" fmla="+- f3 f24 0"/>
                <a:gd name="f31" fmla="+- f3 f26 0"/>
                <a:gd name="f32" fmla="*/ f28 1 4"/>
                <a:gd name="f33" fmla="*/ f29 1 4"/>
                <a:gd name="f34" fmla="*/ f27 f14 1"/>
                <a:gd name="f35" fmla="*/ f25 f14 1"/>
                <a:gd name="f36" fmla="*/ f32 f14 1"/>
                <a:gd name="f37" fmla="*/ f33 f14 1"/>
                <a:gd name="f38" fmla="*/ f30 f14 1"/>
                <a:gd name="f39" fmla="*/ f31 f1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f34" t="f35" r="f36" b="f37"/>
              <a:pathLst>
                <a:path>
                  <a:moveTo>
                    <a:pt x="f19" y="f38"/>
                  </a:moveTo>
                  <a:lnTo>
                    <a:pt x="f39" y="f19"/>
                  </a:lnTo>
                  <a:lnTo>
                    <a:pt x="f22" y="f38"/>
                  </a:lnTo>
                  <a:lnTo>
                    <a:pt x="f39" y="f23"/>
                  </a:lnTo>
                  <a:close/>
                </a:path>
              </a:pathLst>
            </a:custGeom>
            <a:solidFill>
              <a:srgbClr val="FFFF00"/>
            </a:solidFill>
            <a:ln w="38103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Frutiger CE 55 Roman"/>
              </a:endParaRPr>
            </a:p>
          </p:txBody>
        </p:sp>
        <p:sp>
          <p:nvSpPr>
            <p:cNvPr id="36" name="Textfeld 21"/>
            <p:cNvSpPr txBox="1"/>
            <p:nvPr/>
          </p:nvSpPr>
          <p:spPr>
            <a:xfrm>
              <a:off x="4754917" y="2226325"/>
              <a:ext cx="458780" cy="584775"/>
            </a:xfrm>
            <a:prstGeom prst="rect">
              <a:avLst/>
            </a:prstGeom>
            <a:noFill/>
            <a:ln>
              <a:noFill/>
            </a:ln>
          </p:spPr>
          <p:txBody>
            <a:bodyPr vert="horz" wrap="none" lIns="91440" tIns="45720" rIns="91440" bIns="45720" anchor="t" anchorCtr="0" compatLnSpc="1">
              <a:spAutoFit/>
            </a:bodyPr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r>
                <a:rPr lang="de-DE" sz="3200" b="1" dirty="0">
                  <a:solidFill>
                    <a:srgbClr val="000000"/>
                  </a:solidFill>
                  <a:latin typeface="Frutiger CE 55 Roman"/>
                </a:rPr>
                <a:t>S</a:t>
              </a:r>
            </a:p>
          </p:txBody>
        </p:sp>
      </p:grpSp>
      <p:grpSp>
        <p:nvGrpSpPr>
          <p:cNvPr id="37" name="Gruppieren 13"/>
          <p:cNvGrpSpPr/>
          <p:nvPr/>
        </p:nvGrpSpPr>
        <p:grpSpPr>
          <a:xfrm>
            <a:off x="253390" y="937509"/>
            <a:ext cx="1080116" cy="1011682"/>
            <a:chOff x="3203847" y="2016133"/>
            <a:chExt cx="1080116" cy="1011682"/>
          </a:xfrm>
        </p:grpSpPr>
        <p:sp>
          <p:nvSpPr>
            <p:cNvPr id="38" name="Raute 10"/>
            <p:cNvSpPr/>
            <p:nvPr/>
          </p:nvSpPr>
          <p:spPr>
            <a:xfrm>
              <a:off x="3203847" y="2019708"/>
              <a:ext cx="1080116" cy="1008107"/>
            </a:xfrm>
            <a:custGeom>
              <a:avLst/>
              <a:gdLst>
                <a:gd name="f0" fmla="val w"/>
                <a:gd name="f1" fmla="val h"/>
                <a:gd name="f2" fmla="val ss"/>
                <a:gd name="f3" fmla="val 0"/>
                <a:gd name="f4" fmla="abs f0"/>
                <a:gd name="f5" fmla="abs f1"/>
                <a:gd name="f6" fmla="abs f2"/>
                <a:gd name="f7" fmla="?: f4 f0 1"/>
                <a:gd name="f8" fmla="?: f5 f1 1"/>
                <a:gd name="f9" fmla="?: f6 f2 1"/>
                <a:gd name="f10" fmla="*/ f7 1 21600"/>
                <a:gd name="f11" fmla="*/ f8 1 21600"/>
                <a:gd name="f12" fmla="*/ 21600 f7 1"/>
                <a:gd name="f13" fmla="*/ 21600 f8 1"/>
                <a:gd name="f14" fmla="min f11 f10"/>
                <a:gd name="f15" fmla="*/ f12 1 f9"/>
                <a:gd name="f16" fmla="*/ f13 1 f9"/>
                <a:gd name="f17" fmla="val f15"/>
                <a:gd name="f18" fmla="val f16"/>
                <a:gd name="f19" fmla="*/ f3 f14 1"/>
                <a:gd name="f20" fmla="+- f18 0 f3"/>
                <a:gd name="f21" fmla="+- f17 0 f3"/>
                <a:gd name="f22" fmla="*/ f17 f14 1"/>
                <a:gd name="f23" fmla="*/ f18 f14 1"/>
                <a:gd name="f24" fmla="*/ f20 1 2"/>
                <a:gd name="f25" fmla="*/ f20 1 4"/>
                <a:gd name="f26" fmla="*/ f21 1 2"/>
                <a:gd name="f27" fmla="*/ f21 1 4"/>
                <a:gd name="f28" fmla="*/ f21 3 1"/>
                <a:gd name="f29" fmla="*/ f20 3 1"/>
                <a:gd name="f30" fmla="+- f3 f24 0"/>
                <a:gd name="f31" fmla="+- f3 f26 0"/>
                <a:gd name="f32" fmla="*/ f28 1 4"/>
                <a:gd name="f33" fmla="*/ f29 1 4"/>
                <a:gd name="f34" fmla="*/ f27 f14 1"/>
                <a:gd name="f35" fmla="*/ f25 f14 1"/>
                <a:gd name="f36" fmla="*/ f32 f14 1"/>
                <a:gd name="f37" fmla="*/ f33 f14 1"/>
                <a:gd name="f38" fmla="*/ f30 f14 1"/>
                <a:gd name="f39" fmla="*/ f31 f1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</a:cxnLst>
              <a:rect l="f34" t="f35" r="f36" b="f37"/>
              <a:pathLst>
                <a:path>
                  <a:moveTo>
                    <a:pt x="f19" y="f38"/>
                  </a:moveTo>
                  <a:lnTo>
                    <a:pt x="f39" y="f19"/>
                  </a:lnTo>
                  <a:lnTo>
                    <a:pt x="f22" y="f38"/>
                  </a:lnTo>
                  <a:lnTo>
                    <a:pt x="f39" y="f23"/>
                  </a:lnTo>
                  <a:close/>
                </a:path>
              </a:pathLst>
            </a:custGeom>
            <a:solidFill>
              <a:srgbClr val="FFFF00"/>
            </a:solidFill>
            <a:ln w="38103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Frutiger CE 55 Roman"/>
              </a:endParaRPr>
            </a:p>
          </p:txBody>
        </p:sp>
        <p:sp>
          <p:nvSpPr>
            <p:cNvPr id="39" name="Gleichschenkliges Dreieck 18"/>
            <p:cNvSpPr/>
            <p:nvPr/>
          </p:nvSpPr>
          <p:spPr>
            <a:xfrm>
              <a:off x="3527554" y="2016133"/>
              <a:ext cx="425909" cy="225363"/>
            </a:xfrm>
            <a:custGeom>
              <a:avLst/>
              <a:gdLst>
                <a:gd name="f0" fmla="val 10800000"/>
                <a:gd name="f1" fmla="val 5400000"/>
                <a:gd name="f2" fmla="val 180"/>
                <a:gd name="f3" fmla="val w"/>
                <a:gd name="f4" fmla="val h"/>
                <a:gd name="f5" fmla="val ss"/>
                <a:gd name="f6" fmla="val 0"/>
                <a:gd name="f7" fmla="val 50000"/>
                <a:gd name="f8" fmla="+- 0 0 -360"/>
                <a:gd name="f9" fmla="+- 0 0 -270"/>
                <a:gd name="f10" fmla="+- 0 0 -180"/>
                <a:gd name="f11" fmla="+- 0 0 -90"/>
                <a:gd name="f12" fmla="abs f3"/>
                <a:gd name="f13" fmla="abs f4"/>
                <a:gd name="f14" fmla="abs f5"/>
                <a:gd name="f15" fmla="*/ f8 f0 1"/>
                <a:gd name="f16" fmla="*/ f9 f0 1"/>
                <a:gd name="f17" fmla="*/ f10 f0 1"/>
                <a:gd name="f18" fmla="*/ f11 f0 1"/>
                <a:gd name="f19" fmla="?: f12 f3 1"/>
                <a:gd name="f20" fmla="?: f13 f4 1"/>
                <a:gd name="f21" fmla="?: f14 f5 1"/>
                <a:gd name="f22" fmla="*/ f15 1 f2"/>
                <a:gd name="f23" fmla="*/ f16 1 f2"/>
                <a:gd name="f24" fmla="*/ f17 1 f2"/>
                <a:gd name="f25" fmla="*/ f18 1 f2"/>
                <a:gd name="f26" fmla="*/ f19 1 21600"/>
                <a:gd name="f27" fmla="*/ f20 1 21600"/>
                <a:gd name="f28" fmla="*/ 21600 f19 1"/>
                <a:gd name="f29" fmla="*/ 21600 f20 1"/>
                <a:gd name="f30" fmla="+- f22 0 f1"/>
                <a:gd name="f31" fmla="+- f23 0 f1"/>
                <a:gd name="f32" fmla="+- f24 0 f1"/>
                <a:gd name="f33" fmla="+- f25 0 f1"/>
                <a:gd name="f34" fmla="min f27 f26"/>
                <a:gd name="f35" fmla="*/ f28 1 f21"/>
                <a:gd name="f36" fmla="*/ f29 1 f21"/>
                <a:gd name="f37" fmla="val f35"/>
                <a:gd name="f38" fmla="val f36"/>
                <a:gd name="f39" fmla="*/ f6 f34 1"/>
                <a:gd name="f40" fmla="+- f38 0 f6"/>
                <a:gd name="f41" fmla="+- f37 0 f6"/>
                <a:gd name="f42" fmla="*/ f38 f34 1"/>
                <a:gd name="f43" fmla="*/ f37 f34 1"/>
                <a:gd name="f44" fmla="*/ f40 1 2"/>
                <a:gd name="f45" fmla="*/ f41 1 2"/>
                <a:gd name="f46" fmla="*/ f41 f7 1"/>
                <a:gd name="f47" fmla="+- f6 f44 0"/>
                <a:gd name="f48" fmla="*/ f46 1 200000"/>
                <a:gd name="f49" fmla="*/ f46 1 100000"/>
                <a:gd name="f50" fmla="+- f48 f45 0"/>
                <a:gd name="f51" fmla="*/ f48 f34 1"/>
                <a:gd name="f52" fmla="*/ f47 f34 1"/>
                <a:gd name="f53" fmla="*/ f49 f34 1"/>
                <a:gd name="f54" fmla="*/ f50 f34 1"/>
              </a:gdLst>
              <a:ahLst/>
              <a:cxnLst>
                <a:cxn ang="3cd4">
                  <a:pos x="hc" y="t"/>
                </a:cxn>
                <a:cxn ang="0">
                  <a:pos x="r" y="vc"/>
                </a:cxn>
                <a:cxn ang="cd4">
                  <a:pos x="hc" y="b"/>
                </a:cxn>
                <a:cxn ang="cd2">
                  <a:pos x="l" y="vc"/>
                </a:cxn>
                <a:cxn ang="f30">
                  <a:pos x="f53" y="f39"/>
                </a:cxn>
                <a:cxn ang="f31">
                  <a:pos x="f51" y="f52"/>
                </a:cxn>
                <a:cxn ang="f32">
                  <a:pos x="f39" y="f42"/>
                </a:cxn>
                <a:cxn ang="f32">
                  <a:pos x="f53" y="f42"/>
                </a:cxn>
                <a:cxn ang="f32">
                  <a:pos x="f43" y="f42"/>
                </a:cxn>
                <a:cxn ang="f33">
                  <a:pos x="f54" y="f52"/>
                </a:cxn>
              </a:cxnLst>
              <a:rect l="f51" t="f52" r="f54" b="f42"/>
              <a:pathLst>
                <a:path>
                  <a:moveTo>
                    <a:pt x="f39" y="f42"/>
                  </a:moveTo>
                  <a:lnTo>
                    <a:pt x="f53" y="f39"/>
                  </a:lnTo>
                  <a:lnTo>
                    <a:pt x="f43" y="f42"/>
                  </a:lnTo>
                  <a:close/>
                </a:path>
              </a:pathLst>
            </a:custGeom>
            <a:solidFill>
              <a:srgbClr val="000000"/>
            </a:solidFill>
            <a:ln w="25402">
              <a:solidFill>
                <a:srgbClr val="000000"/>
              </a:solidFill>
              <a:prstDash val="solid"/>
            </a:ln>
          </p:spPr>
          <p:txBody>
            <a:bodyPr vert="horz" wrap="square" lIns="91440" tIns="45720" rIns="91440" bIns="45720" anchor="ctr" anchorCtr="1" compatLnSpc="1"/>
            <a:lstStyle/>
            <a:p>
              <a:pPr algn="ctr"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endParaRPr lang="de-DE" sz="1800">
                <a:solidFill>
                  <a:srgbClr val="FFFFFF"/>
                </a:solidFill>
                <a:latin typeface="Frutiger CE 55 Roman"/>
              </a:endParaRPr>
            </a:p>
          </p:txBody>
        </p:sp>
        <p:sp>
          <p:nvSpPr>
            <p:cNvPr id="40" name="Textfeld 39"/>
            <p:cNvSpPr txBox="1"/>
            <p:nvPr/>
          </p:nvSpPr>
          <p:spPr>
            <a:xfrm>
              <a:off x="3511118" y="2233537"/>
              <a:ext cx="458780" cy="584775"/>
            </a:xfrm>
            <a:prstGeom prst="rect">
              <a:avLst/>
            </a:prstGeom>
            <a:noFill/>
            <a:ln>
              <a:noFill/>
            </a:ln>
          </p:spPr>
          <p:txBody>
            <a:bodyPr vert="horz" wrap="none" lIns="91440" tIns="45720" rIns="91440" bIns="45720" anchor="t" anchorCtr="0" compatLnSpc="1">
              <a:spAutoFit/>
            </a:bodyPr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 sz="1800" b="0" i="0" u="none" strike="noStrike" kern="0" cap="none" spc="0" baseline="0">
                  <a:solidFill>
                    <a:srgbClr val="000000"/>
                  </a:solidFill>
                  <a:uFillTx/>
                </a:defRPr>
              </a:pPr>
              <a:r>
                <a:rPr lang="de-DE" sz="3200" b="1" dirty="0">
                  <a:solidFill>
                    <a:srgbClr val="000000"/>
                  </a:solidFill>
                  <a:latin typeface="Frutiger CE 55 Roman"/>
                </a:rPr>
                <a:t>S</a:t>
              </a:r>
            </a:p>
          </p:txBody>
        </p:sp>
      </p:grpSp>
      <p:sp>
        <p:nvSpPr>
          <p:cNvPr id="42" name="Fußzeilenplatzhalter 4">
            <a:extLst>
              <a:ext uri="{FF2B5EF4-FFF2-40B4-BE49-F238E27FC236}">
                <a16:creationId xmlns:a16="http://schemas.microsoft.com/office/drawing/2014/main" id="{214C2BCE-37BB-4609-8BB7-EA55321C3F10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93365935"/>
      </p:ext>
    </p:extLst>
  </p:cSld>
  <p:clrMapOvr>
    <a:masterClrMapping/>
  </p:clrMapOvr>
  <p:transition spd="med">
    <p:pull/>
  </p:transition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el 5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de-DE" sz="4400" b="1" dirty="0"/>
              <a:t>Absperren</a:t>
            </a:r>
          </a:p>
        </p:txBody>
      </p:sp>
      <p:pic>
        <p:nvPicPr>
          <p:cNvPr id="4" name="Grafik 3"/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29497" b="68141" l="38475" r="56470">
                        <a14:foregroundMark x1="49529" y1="35312" x2="49529" y2="35312"/>
                        <a14:foregroundMark x1="54156" y1="38764" x2="54156" y2="38764"/>
                        <a14:foregroundMark x1="53642" y1="42883" x2="53642" y2="42883"/>
                        <a14:foregroundMark x1="54156" y1="50939" x2="54156" y2="50939"/>
                        <a14:foregroundMark x1="51928" y1="51847" x2="51928" y2="51847"/>
                        <a14:foregroundMark x1="51414" y1="56996" x2="51414" y2="56996"/>
                        <a14:foregroundMark x1="53128" y1="60690" x2="53128" y2="60690"/>
                        <a14:foregroundMark x1="51071" y1="63598" x2="51071" y2="63598"/>
                        <a14:foregroundMark x1="44901" y1="63234" x2="44901" y2="63234"/>
                        <a14:foregroundMark x1="44473" y1="36039" x2="44473" y2="36039"/>
                        <a14:foregroundMark x1="40531" y1="31133" x2="40531" y2="31133"/>
                        <a14:foregroundMark x1="39931" y1="29679" x2="39931" y2="29679"/>
                        <a14:foregroundMark x1="39332" y1="29679" x2="39332" y2="29679"/>
                        <a14:foregroundMark x1="51585" y1="65960" x2="51585" y2="65960"/>
                        <a14:foregroundMark x1="52099" y1="67353" x2="52099" y2="67353"/>
                        <a14:foregroundMark x1="52442" y1="68019" x2="52442" y2="68019"/>
                        <a14:foregroundMark x1="52356" y1="68080" x2="52356" y2="68080"/>
                        <a14:foregroundMark x1="52528" y1="68141" x2="52528" y2="68141"/>
                        <a14:foregroundMark x1="50814" y1="67959" x2="50814" y2="67959"/>
                        <a14:foregroundMark x1="45416" y1="64143" x2="45416" y2="64143"/>
                        <a14:foregroundMark x1="39589" y1="38522" x2="39589" y2="38522"/>
                        <a14:foregroundMark x1="39332" y1="35857" x2="39332" y2="35857"/>
                        <a14:foregroundMark x1="39160" y1="34161" x2="39160" y2="34161"/>
                        <a14:foregroundMark x1="38989" y1="31859" x2="38989" y2="31859"/>
                        <a14:foregroundMark x1="39160" y1="30466" x2="39160" y2="30466"/>
                        <a14:foregroundMark x1="39332" y1="29861" x2="39332" y2="29861"/>
                        <a14:foregroundMark x1="39931" y1="29497" x2="39931" y2="29497"/>
                        <a14:foregroundMark x1="40703" y1="29558" x2="40703" y2="29558"/>
                        <a14:foregroundMark x1="49786" y1="65475" x2="49786" y2="65475"/>
                        <a14:foregroundMark x1="47215" y1="65718" x2="47215" y2="65718"/>
                        <a14:foregroundMark x1="45930" y1="65899" x2="45930" y2="65899"/>
                        <a14:foregroundMark x1="45930" y1="65960" x2="45930" y2="65960"/>
                        <a14:foregroundMark x1="46444" y1="65960" x2="46444" y2="65960"/>
                        <a14:foregroundMark x1="47815" y1="65778" x2="47815" y2="65778"/>
                        <a14:foregroundMark x1="49272" y1="65536" x2="49272" y2="65536"/>
                        <a14:foregroundMark x1="49871" y1="65536" x2="49871" y2="65536"/>
                        <a14:foregroundMark x1="50300" y1="65536" x2="50300" y2="65536"/>
                        <a14:foregroundMark x1="49443" y1="65657" x2="49443" y2="65657"/>
                        <a14:foregroundMark x1="50557" y1="65475" x2="50557" y2="65475"/>
                        <a14:foregroundMark x1="50386" y1="65597" x2="50386" y2="6559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 l="36250" t="27593" r="41226" b="29907"/>
          <a:stretch/>
        </p:blipFill>
        <p:spPr>
          <a:xfrm rot="16200000">
            <a:off x="3947613" y="741019"/>
            <a:ext cx="1668264" cy="445193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329204290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Absperren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grpSp>
        <p:nvGrpSpPr>
          <p:cNvPr id="7" name="Gruppieren 6"/>
          <p:cNvGrpSpPr>
            <a:grpSpLocks noChangeAspect="1"/>
          </p:cNvGrpSpPr>
          <p:nvPr/>
        </p:nvGrpSpPr>
        <p:grpSpPr>
          <a:xfrm>
            <a:off x="3010854" y="1872300"/>
            <a:ext cx="3122295" cy="3113405"/>
            <a:chOff x="357445" y="0"/>
            <a:chExt cx="2887679" cy="2880000"/>
          </a:xfrm>
        </p:grpSpPr>
        <p:sp>
          <p:nvSpPr>
            <p:cNvPr id="8" name="Ellipse 7"/>
            <p:cNvSpPr/>
            <p:nvPr/>
          </p:nvSpPr>
          <p:spPr>
            <a:xfrm>
              <a:off x="365125" y="0"/>
              <a:ext cx="2879999" cy="2880000"/>
            </a:xfrm>
            <a:prstGeom prst="ellipse">
              <a:avLst/>
            </a:prstGeom>
            <a:solidFill>
              <a:srgbClr val="00B050"/>
            </a:solidFill>
            <a:ln w="9525" cap="flat" cmpd="sng" algn="ctr">
              <a:solidFill>
                <a:srgbClr val="000000"/>
              </a:solidFill>
              <a:prstDash val="solid"/>
            </a:ln>
            <a:effectLst>
              <a:outerShdw blurRad="40000" dist="23000" dir="5400000" rotWithShape="0">
                <a:srgbClr val="000000">
                  <a:alpha val="35000"/>
                </a:srgbClr>
              </a:outerShdw>
            </a:effectLst>
          </p:spPr>
          <p:txBody>
            <a:bodyPr rtlCol="0" anchor="ctr"/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/>
              </a:pPr>
              <a:endParaRPr lang="de-DE" sz="1800" kern="0">
                <a:solidFill>
                  <a:sysClr val="windowText" lastClr="000000"/>
                </a:solidFill>
              </a:endParaRPr>
            </a:p>
          </p:txBody>
        </p:sp>
        <p:sp>
          <p:nvSpPr>
            <p:cNvPr id="9" name="Ellipse 8"/>
            <p:cNvSpPr/>
            <p:nvPr/>
          </p:nvSpPr>
          <p:spPr>
            <a:xfrm>
              <a:off x="1080000" y="704291"/>
              <a:ext cx="1440000" cy="1440000"/>
            </a:xfrm>
            <a:prstGeom prst="ellipse">
              <a:avLst/>
            </a:prstGeom>
            <a:solidFill>
              <a:srgbClr val="FF0000"/>
            </a:solidFill>
            <a:ln w="9525" cap="flat" cmpd="sng" algn="ctr">
              <a:solidFill>
                <a:srgbClr val="000000"/>
              </a:solidFill>
              <a:prstDash val="solid"/>
            </a:ln>
            <a:effectLst>
              <a:outerShdw blurRad="40000" dist="23000" dir="5400000" rotWithShape="0">
                <a:srgbClr val="000000">
                  <a:alpha val="35000"/>
                </a:srgbClr>
              </a:outerShdw>
            </a:effectLst>
          </p:spPr>
          <p:txBody>
            <a:bodyPr rtlCol="0" anchor="ctr"/>
            <a:lstStyle/>
            <a:p>
              <a:pPr eaLnBrk="1" fontAlgn="auto" hangingPunct="1">
                <a:spcBef>
                  <a:spcPts val="0"/>
                </a:spcBef>
                <a:spcAft>
                  <a:spcPts val="0"/>
                </a:spcAft>
                <a:defRPr/>
              </a:pPr>
              <a:endParaRPr lang="de-DE" sz="1800" kern="0">
                <a:solidFill>
                  <a:sysClr val="windowText" lastClr="000000"/>
                </a:solidFill>
              </a:endParaRPr>
            </a:p>
          </p:txBody>
        </p:sp>
        <p:grpSp>
          <p:nvGrpSpPr>
            <p:cNvPr id="10" name="Gruppieren 9"/>
            <p:cNvGrpSpPr/>
            <p:nvPr/>
          </p:nvGrpSpPr>
          <p:grpSpPr>
            <a:xfrm rot="2729748">
              <a:off x="1612463" y="1243704"/>
              <a:ext cx="360000" cy="360000"/>
              <a:chOff x="1346343" y="1361604"/>
              <a:chExt cx="360000" cy="360000"/>
            </a:xfrm>
          </p:grpSpPr>
          <p:cxnSp>
            <p:nvCxnSpPr>
              <p:cNvPr id="17" name="Gerade Verbindung 8"/>
              <p:cNvCxnSpPr/>
              <p:nvPr/>
            </p:nvCxnSpPr>
            <p:spPr>
              <a:xfrm>
                <a:off x="1346343" y="1532079"/>
                <a:ext cx="360000" cy="0"/>
              </a:xfrm>
              <a:prstGeom prst="line">
                <a:avLst/>
              </a:prstGeom>
              <a:noFill/>
              <a:ln w="25400" cap="flat" cmpd="sng" algn="ctr">
                <a:solidFill>
                  <a:srgbClr val="000000"/>
                </a:solidFill>
                <a:prstDash val="solid"/>
              </a:ln>
              <a:effectLst>
                <a:outerShdw blurRad="40000" dist="20000" dir="5400000" rotWithShape="0">
                  <a:srgbClr val="000000">
                    <a:alpha val="38000"/>
                  </a:srgbClr>
                </a:outerShdw>
              </a:effectLst>
            </p:spPr>
          </p:cxnSp>
          <p:cxnSp>
            <p:nvCxnSpPr>
              <p:cNvPr id="18" name="Gerade Verbindung 11"/>
              <p:cNvCxnSpPr/>
              <p:nvPr/>
            </p:nvCxnSpPr>
            <p:spPr>
              <a:xfrm rot="5400000">
                <a:off x="1347273" y="1541604"/>
                <a:ext cx="360000" cy="0"/>
              </a:xfrm>
              <a:prstGeom prst="line">
                <a:avLst/>
              </a:prstGeom>
              <a:noFill/>
              <a:ln w="25400" cap="flat" cmpd="sng" algn="ctr">
                <a:solidFill>
                  <a:srgbClr val="000000"/>
                </a:solidFill>
                <a:prstDash val="solid"/>
              </a:ln>
              <a:effectLst>
                <a:outerShdw blurRad="40000" dist="20000" dir="5400000" rotWithShape="0">
                  <a:srgbClr val="000000">
                    <a:alpha val="38000"/>
                  </a:srgbClr>
                </a:outerShdw>
              </a:effectLst>
            </p:spPr>
          </p:cxnSp>
        </p:grpSp>
        <p:cxnSp>
          <p:nvCxnSpPr>
            <p:cNvPr id="11" name="Gerade Verbindung mit Pfeil 10"/>
            <p:cNvCxnSpPr/>
            <p:nvPr/>
          </p:nvCxnSpPr>
          <p:spPr>
            <a:xfrm>
              <a:off x="1799257" y="1417026"/>
              <a:ext cx="713209" cy="0"/>
            </a:xfrm>
            <a:prstGeom prst="straightConnector1">
              <a:avLst/>
            </a:prstGeom>
            <a:noFill/>
            <a:ln w="25400" cap="flat" cmpd="sng" algn="ctr">
              <a:solidFill>
                <a:srgbClr val="000000"/>
              </a:solidFill>
              <a:prstDash val="solid"/>
              <a:headEnd type="none" w="med" len="med"/>
              <a:tailEnd type="triangle" w="med" len="med"/>
            </a:ln>
            <a:effectLst>
              <a:outerShdw blurRad="40000" dist="20000" dir="5400000" rotWithShape="0">
                <a:srgbClr val="000000">
                  <a:alpha val="38000"/>
                </a:srgbClr>
              </a:outerShdw>
            </a:effectLst>
          </p:spPr>
        </p:cxnSp>
        <p:cxnSp>
          <p:nvCxnSpPr>
            <p:cNvPr id="12" name="Gerade Verbindung mit Pfeil 11"/>
            <p:cNvCxnSpPr/>
            <p:nvPr/>
          </p:nvCxnSpPr>
          <p:spPr>
            <a:xfrm flipH="1">
              <a:off x="357445" y="1416854"/>
              <a:ext cx="1441282" cy="42"/>
            </a:xfrm>
            <a:prstGeom prst="straightConnector1">
              <a:avLst/>
            </a:prstGeom>
            <a:noFill/>
            <a:ln w="25400" cap="flat" cmpd="sng" algn="ctr">
              <a:solidFill>
                <a:srgbClr val="000000"/>
              </a:solidFill>
              <a:prstDash val="solid"/>
              <a:headEnd type="none" w="med" len="med"/>
              <a:tailEnd type="triangle" w="med" len="med"/>
            </a:ln>
            <a:effectLst>
              <a:outerShdw blurRad="40000" dist="20000" dir="5400000" rotWithShape="0">
                <a:srgbClr val="000000">
                  <a:alpha val="38000"/>
                </a:srgbClr>
              </a:outerShdw>
            </a:effectLst>
          </p:spPr>
        </p:cxnSp>
        <p:sp>
          <p:nvSpPr>
            <p:cNvPr id="13" name="Textfeld 21"/>
            <p:cNvSpPr txBox="1"/>
            <p:nvPr/>
          </p:nvSpPr>
          <p:spPr>
            <a:xfrm>
              <a:off x="397313" y="1147781"/>
              <a:ext cx="1016000" cy="296333"/>
            </a:xfrm>
            <a:prstGeom prst="rect">
              <a:avLst/>
            </a:prstGeom>
            <a:noFill/>
          </p:spPr>
          <p:txBody>
            <a:bodyPr wrap="square" rtlCol="0">
              <a:noAutofit/>
            </a:bodyPr>
            <a:lstStyle/>
            <a:p>
              <a:pPr algn="just" eaLnBrk="1" fontAlgn="auto" hangingPunct="1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de-DE" sz="1200">
                  <a:solidFill>
                    <a:srgbClr val="000000"/>
                  </a:solidFill>
                  <a:ea typeface="Times New Roman" panose="02020603050405020304" pitchFamily="18" charset="0"/>
                  <a:cs typeface="Times New Roman" panose="02020603050405020304" pitchFamily="18" charset="0"/>
                </a:rPr>
                <a:t>100 m</a:t>
              </a:r>
              <a:endParaRPr lang="de-DE" sz="1100" kern="0">
                <a:solidFill>
                  <a:sysClr val="windowText" lastClr="000000"/>
                </a:solidFill>
                <a:latin typeface="Times New Roman" panose="02020603050405020304" pitchFamily="18" charset="0"/>
                <a:ea typeface="Times New Roman" panose="02020603050405020304" pitchFamily="18" charset="0"/>
              </a:endParaRPr>
            </a:p>
          </p:txBody>
        </p:sp>
        <p:sp>
          <p:nvSpPr>
            <p:cNvPr id="14" name="Textfeld 22"/>
            <p:cNvSpPr txBox="1"/>
            <p:nvPr/>
          </p:nvSpPr>
          <p:spPr>
            <a:xfrm>
              <a:off x="1921482" y="1147808"/>
              <a:ext cx="1015294" cy="296333"/>
            </a:xfrm>
            <a:prstGeom prst="rect">
              <a:avLst/>
            </a:prstGeom>
            <a:noFill/>
          </p:spPr>
          <p:txBody>
            <a:bodyPr wrap="square" rtlCol="0">
              <a:noAutofit/>
            </a:bodyPr>
            <a:lstStyle/>
            <a:p>
              <a:pPr algn="just" eaLnBrk="1" fontAlgn="auto" hangingPunct="1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de-DE" sz="1200">
                  <a:solidFill>
                    <a:srgbClr val="000000"/>
                  </a:solidFill>
                  <a:ea typeface="Times New Roman" panose="02020603050405020304" pitchFamily="18" charset="0"/>
                  <a:cs typeface="Times New Roman" panose="02020603050405020304" pitchFamily="18" charset="0"/>
                </a:rPr>
                <a:t>50 m</a:t>
              </a:r>
              <a:endParaRPr lang="de-DE" sz="1100" kern="0">
                <a:solidFill>
                  <a:sysClr val="windowText" lastClr="000000"/>
                </a:solidFill>
                <a:latin typeface="Times New Roman" panose="02020603050405020304" pitchFamily="18" charset="0"/>
                <a:ea typeface="Times New Roman" panose="02020603050405020304" pitchFamily="18" charset="0"/>
              </a:endParaRPr>
            </a:p>
          </p:txBody>
        </p:sp>
        <p:sp>
          <p:nvSpPr>
            <p:cNvPr id="15" name="Textfeld 23"/>
            <p:cNvSpPr txBox="1"/>
            <p:nvPr/>
          </p:nvSpPr>
          <p:spPr>
            <a:xfrm>
              <a:off x="1249957" y="2333913"/>
              <a:ext cx="1725083" cy="296333"/>
            </a:xfrm>
            <a:prstGeom prst="rect">
              <a:avLst/>
            </a:prstGeom>
            <a:noFill/>
          </p:spPr>
          <p:txBody>
            <a:bodyPr wrap="square" rtlCol="0">
              <a:noAutofit/>
            </a:bodyPr>
            <a:lstStyle/>
            <a:p>
              <a:pPr algn="just" eaLnBrk="1" fontAlgn="auto" hangingPunct="1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de-DE" sz="1200">
                  <a:solidFill>
                    <a:srgbClr val="000000"/>
                  </a:solidFill>
                  <a:ea typeface="Times New Roman" panose="02020603050405020304" pitchFamily="18" charset="0"/>
                  <a:cs typeface="Times New Roman" panose="02020603050405020304" pitchFamily="18" charset="0"/>
                </a:rPr>
                <a:t>Absperrbereich</a:t>
              </a:r>
              <a:endParaRPr lang="de-DE" sz="1100" kern="0">
                <a:solidFill>
                  <a:sysClr val="windowText" lastClr="000000"/>
                </a:solidFill>
                <a:latin typeface="Times New Roman" panose="02020603050405020304" pitchFamily="18" charset="0"/>
                <a:ea typeface="Times New Roman" panose="02020603050405020304" pitchFamily="18" charset="0"/>
              </a:endParaRPr>
            </a:p>
          </p:txBody>
        </p:sp>
        <p:sp>
          <p:nvSpPr>
            <p:cNvPr id="16" name="Textfeld 24"/>
            <p:cNvSpPr txBox="1"/>
            <p:nvPr/>
          </p:nvSpPr>
          <p:spPr>
            <a:xfrm>
              <a:off x="1211667" y="1562338"/>
              <a:ext cx="1725083" cy="296333"/>
            </a:xfrm>
            <a:prstGeom prst="rect">
              <a:avLst/>
            </a:prstGeom>
            <a:noFill/>
          </p:spPr>
          <p:txBody>
            <a:bodyPr wrap="square" rtlCol="0">
              <a:noAutofit/>
            </a:bodyPr>
            <a:lstStyle/>
            <a:p>
              <a:pPr algn="just" eaLnBrk="1" fontAlgn="auto" hangingPunct="1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de-DE" sz="1200">
                  <a:solidFill>
                    <a:srgbClr val="000000"/>
                  </a:solidFill>
                  <a:ea typeface="Times New Roman" panose="02020603050405020304" pitchFamily="18" charset="0"/>
                  <a:cs typeface="Times New Roman" panose="02020603050405020304" pitchFamily="18" charset="0"/>
                </a:rPr>
                <a:t>Gefahrenbereich</a:t>
              </a:r>
              <a:endParaRPr lang="de-DE" sz="1100" kern="0">
                <a:solidFill>
                  <a:sysClr val="windowText" lastClr="000000"/>
                </a:solidFill>
                <a:latin typeface="Times New Roman" panose="02020603050405020304" pitchFamily="18" charset="0"/>
                <a:ea typeface="Times New Roman" panose="02020603050405020304" pitchFamily="18" charset="0"/>
              </a:endParaRPr>
            </a:p>
          </p:txBody>
        </p:sp>
      </p:grpSp>
      <p:pic>
        <p:nvPicPr>
          <p:cNvPr id="19" name="Grafik 18">
            <a:extLst>
              <a:ext uri="{FF2B5EF4-FFF2-40B4-BE49-F238E27FC236}">
                <a16:creationId xmlns:a16="http://schemas.microsoft.com/office/drawing/2014/main" id="{04C6BC9E-036F-4B2A-AEAD-49F2FAA36141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4487" b="95513" l="8621" r="89655">
                        <a14:foregroundMark x1="58621" y1="18590" x2="58621" y2="18590"/>
                        <a14:foregroundMark x1="79310" y1="26282" x2="79310" y2="26282"/>
                        <a14:foregroundMark x1="77586" y1="35897" x2="77586" y2="35897"/>
                        <a14:foregroundMark x1="79310" y1="55128" x2="79310" y2="55128"/>
                        <a14:foregroundMark x1="68966" y1="57051" x2="68966" y2="57051"/>
                        <a14:foregroundMark x1="67241" y1="69231" x2="67241" y2="69231"/>
                        <a14:foregroundMark x1="75862" y1="78205" x2="75862" y2="78205"/>
                        <a14:foregroundMark x1="65517" y1="84615" x2="65517" y2="84615"/>
                        <a14:foregroundMark x1="37931" y1="83974" x2="37931" y2="83974"/>
                        <a14:foregroundMark x1="36207" y1="19872" x2="36207" y2="19872"/>
                        <a14:foregroundMark x1="18966" y1="8333" x2="18966" y2="8333"/>
                        <a14:foregroundMark x1="15517" y1="5128" x2="15517" y2="5128"/>
                        <a14:foregroundMark x1="13793" y1="5128" x2="13793" y2="5128"/>
                        <a14:foregroundMark x1="68966" y1="90385" x2="68966" y2="90385"/>
                        <a14:foregroundMark x1="70690" y1="93590" x2="70690" y2="93590"/>
                        <a14:foregroundMark x1="72414" y1="95513" x2="72414" y2="95513"/>
                        <a14:foregroundMark x1="72414" y1="95513" x2="72414" y2="95513"/>
                        <a14:foregroundMark x1="72414" y1="95513" x2="72414" y2="95513"/>
                        <a14:foregroundMark x1="65517" y1="94872" x2="65517" y2="94872"/>
                        <a14:foregroundMark x1="41379" y1="85897" x2="41379" y2="85897"/>
                        <a14:foregroundMark x1="15517" y1="25641" x2="15517" y2="25641"/>
                        <a14:foregroundMark x1="13793" y1="19872" x2="13793" y2="19872"/>
                        <a14:foregroundMark x1="12069" y1="15385" x2="12069" y2="15385"/>
                        <a14:foregroundMark x1="12069" y1="10256" x2="12069" y2="10256"/>
                        <a14:foregroundMark x1="12069" y1="7051" x2="12069" y2="7051"/>
                        <a14:foregroundMark x1="13793" y1="5769" x2="13793" y2="5769"/>
                        <a14:foregroundMark x1="15517" y1="4487" x2="15517" y2="4487"/>
                        <a14:foregroundMark x1="18966" y1="4487" x2="18966" y2="4487"/>
                        <a14:foregroundMark x1="60345" y1="89103" x2="60345" y2="89103"/>
                        <a14:foregroundMark x1="48276" y1="89744" x2="48276" y2="89744"/>
                        <a14:foregroundMark x1="43103" y1="90385" x2="43103" y2="90385"/>
                        <a14:foregroundMark x1="43103" y1="90385" x2="43103" y2="90385"/>
                        <a14:foregroundMark x1="44828" y1="90385" x2="44828" y2="90385"/>
                        <a14:foregroundMark x1="51724" y1="89744" x2="51724" y2="89744"/>
                        <a14:foregroundMark x1="58621" y1="89744" x2="58621" y2="89744"/>
                        <a14:foregroundMark x1="60345" y1="89744" x2="60345" y2="89744"/>
                        <a14:foregroundMark x1="62069" y1="89744" x2="62069" y2="89744"/>
                        <a14:foregroundMark x1="58621" y1="89744" x2="58621" y2="89744"/>
                        <a14:foregroundMark x1="63793" y1="89103" x2="63793" y2="89103"/>
                        <a14:foregroundMark x1="62069" y1="89744" x2="62069" y2="89744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1606239" y="93701"/>
            <a:ext cx="242823" cy="648000"/>
          </a:xfrm>
          <a:prstGeom prst="rect">
            <a:avLst/>
          </a:prstGeom>
        </p:spPr>
      </p:pic>
      <p:sp>
        <p:nvSpPr>
          <p:cNvPr id="20" name="Fußzeilenplatzhalter 4">
            <a:extLst>
              <a:ext uri="{FF2B5EF4-FFF2-40B4-BE49-F238E27FC236}">
                <a16:creationId xmlns:a16="http://schemas.microsoft.com/office/drawing/2014/main" id="{3305AAC8-0C7A-456E-9435-DCF15BF63ABB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266923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el 5"/>
          <p:cNvSpPr>
            <a:spLocks noGrp="1"/>
          </p:cNvSpPr>
          <p:nvPr>
            <p:ph type="ctrTitle"/>
          </p:nvPr>
        </p:nvSpPr>
        <p:spPr>
          <a:xfrm>
            <a:off x="3600000" y="3420000"/>
            <a:ext cx="4716416" cy="1447800"/>
          </a:xfrm>
        </p:spPr>
        <p:txBody>
          <a:bodyPr/>
          <a:lstStyle/>
          <a:p>
            <a:r>
              <a:rPr lang="de-DE" sz="4400" b="1" dirty="0"/>
              <a:t>Menschenrettung</a:t>
            </a:r>
          </a:p>
        </p:txBody>
      </p:sp>
      <p:pic>
        <p:nvPicPr>
          <p:cNvPr id="4" name="Grafik 3"/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100000" l="0" r="100000">
                        <a14:foregroundMark x1="41638" y1="38000" x2="41638" y2="38000"/>
                        <a14:foregroundMark x1="17747" y1="70933" x2="17747" y2="70933"/>
                        <a14:foregroundMark x1="14846" y1="63200" x2="14846" y2="63200"/>
                        <a14:foregroundMark x1="11775" y1="57867" x2="11775" y2="57867"/>
                        <a14:foregroundMark x1="14846" y1="54400" x2="14846" y2="54400"/>
                        <a14:foregroundMark x1="14164" y1="49867" x2="14164" y2="49867"/>
                        <a14:foregroundMark x1="13140" y1="43467" x2="13140" y2="43467"/>
                        <a14:foregroundMark x1="12628" y1="39867" x2="12628" y2="39867"/>
                        <a14:foregroundMark x1="11775" y1="32933" x2="11775" y2="32933"/>
                        <a14:foregroundMark x1="11775" y1="29467" x2="11775" y2="29467"/>
                        <a14:foregroundMark x1="11775" y1="14800" x2="11775" y2="14800"/>
                        <a14:foregroundMark x1="12287" y1="9333" x2="12287" y2="9333"/>
                        <a14:foregroundMark x1="11775" y1="6133" x2="11775" y2="6133"/>
                        <a14:foregroundMark x1="20648" y1="73600" x2="20648" y2="73600"/>
                        <a14:foregroundMark x1="24232" y1="78400" x2="24232" y2="78400"/>
                        <a14:foregroundMark x1="25256" y1="82000" x2="25256" y2="82000"/>
                        <a14:foregroundMark x1="26792" y1="86533" x2="26792" y2="86533"/>
                        <a14:foregroundMark x1="23208" y1="87867" x2="23208" y2="87867"/>
                        <a14:foregroundMark x1="43345" y1="49333" x2="43345" y2="49333"/>
                        <a14:foregroundMark x1="45222" y1="45333" x2="45222" y2="45333"/>
                        <a14:foregroundMark x1="49829" y1="42667" x2="49829" y2="42667"/>
                        <a14:foregroundMark x1="46928" y1="38667" x2="46928" y2="38667"/>
                        <a14:foregroundMark x1="55631" y1="42000" x2="55631" y2="42000"/>
                        <a14:foregroundMark x1="16724" y1="56133" x2="16724" y2="56133"/>
                        <a14:foregroundMark x1="18771" y1="63600" x2="18771" y2="63600"/>
                        <a14:foregroundMark x1="20137" y1="67067" x2="20137" y2="67067"/>
                        <a14:foregroundMark x1="20307" y1="69733" x2="20307" y2="69733"/>
                        <a14:foregroundMark x1="24232" y1="72000" x2="24232" y2="72000"/>
                        <a14:foregroundMark x1="23208" y1="67867" x2="23208" y2="67867"/>
                        <a14:foregroundMark x1="21672" y1="56400" x2="21672" y2="56400"/>
                        <a14:foregroundMark x1="17918" y1="38667" x2="17918" y2="38667"/>
                        <a14:foregroundMark x1="8874" y1="30267" x2="8874" y2="30267"/>
                        <a14:foregroundMark x1="8703" y1="29067" x2="8703" y2="29067"/>
                        <a14:foregroundMark x1="9727" y1="5067" x2="9727" y2="5067"/>
                        <a14:foregroundMark x1="10410" y1="3200" x2="10410" y2="3200"/>
                        <a14:foregroundMark x1="9386" y1="1200" x2="9386" y2="1200"/>
                        <a14:foregroundMark x1="31741" y1="81200" x2="31741" y2="81200"/>
                        <a14:foregroundMark x1="30717" y1="86133" x2="30717" y2="86133"/>
                        <a14:foregroundMark x1="13652" y1="79067" x2="13652" y2="79067"/>
                        <a14:foregroundMark x1="17747" y1="83867" x2="17747" y2="83867"/>
                        <a14:foregroundMark x1="21672" y1="78267" x2="21672" y2="78267"/>
                        <a14:foregroundMark x1="22696" y1="79467" x2="22696" y2="79467"/>
                        <a14:foregroundMark x1="27816" y1="84400" x2="27816" y2="84400"/>
                        <a14:foregroundMark x1="28669" y1="87867" x2="28669" y2="87867"/>
                        <a14:foregroundMark x1="28157" y1="89867" x2="28157" y2="89867"/>
                        <a14:foregroundMark x1="31741" y1="89067" x2="31741" y2="89067"/>
                        <a14:foregroundMark x1="33618" y1="89067" x2="33618" y2="89067"/>
                        <a14:foregroundMark x1="30717" y1="92800" x2="30717" y2="92800"/>
                        <a14:foregroundMark x1="28669" y1="91733" x2="28669" y2="91733"/>
                        <a14:foregroundMark x1="30887" y1="94000" x2="30887" y2="94000"/>
                        <a14:foregroundMark x1="30887" y1="95333" x2="30887" y2="95333"/>
                        <a14:foregroundMark x1="14676" y1="80667" x2="14676" y2="80667"/>
                        <a14:foregroundMark x1="10751" y1="52800" x2="10751" y2="52800"/>
                        <a14:foregroundMark x1="10751" y1="49733" x2="10751" y2="49733"/>
                        <a14:foregroundMark x1="10410" y1="45867" x2="10410" y2="45867"/>
                        <a14:foregroundMark x1="10239" y1="43467" x2="10239" y2="43467"/>
                        <a14:foregroundMark x1="9386" y1="39867" x2="9386" y2="39867"/>
                        <a14:foregroundMark x1="8874" y1="36400" x2="8874" y2="36400"/>
                        <a14:foregroundMark x1="7338" y1="33600" x2="7338" y2="33200"/>
                        <a14:foregroundMark x1="6655" y1="29733" x2="6655" y2="29733"/>
                        <a14:foregroundMark x1="9898" y1="22267" x2="9898" y2="22267"/>
                        <a14:foregroundMark x1="9898" y1="17600" x2="9898" y2="17600"/>
                        <a14:foregroundMark x1="8362" y1="12933" x2="8362" y2="12800"/>
                        <a14:foregroundMark x1="8362" y1="9467" x2="8362" y2="9467"/>
                        <a14:foregroundMark x1="13140" y1="6533" x2="13140" y2="6533"/>
                        <a14:foregroundMark x1="13652" y1="4267" x2="13652" y2="4267"/>
                        <a14:foregroundMark x1="14334" y1="7867" x2="14334" y2="7867"/>
                        <a14:foregroundMark x1="15700" y1="9333" x2="15700" y2="9333"/>
                        <a14:foregroundMark x1="10751" y1="267" x2="10751" y2="667"/>
                        <a14:foregroundMark x1="8362" y1="667" x2="8362" y2="667"/>
                        <a14:foregroundMark x1="10922" y1="2667" x2="10922" y2="2667"/>
                        <a14:foregroundMark x1="8362" y1="2400" x2="8362" y2="2400"/>
                        <a14:foregroundMark x1="8362" y1="4267" x2="8362" y2="4267"/>
                        <a14:foregroundMark x1="8362" y1="7867" x2="8362" y2="786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4265962" y="998734"/>
            <a:ext cx="2437594" cy="312166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75238151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Menschenrettung</a:t>
            </a:r>
          </a:p>
        </p:txBody>
      </p:sp>
      <p:sp>
        <p:nvSpPr>
          <p:cNvPr id="3" name="Inhaltsplatzhalter 2"/>
          <p:cNvSpPr>
            <a:spLocks noGrp="1"/>
          </p:cNvSpPr>
          <p:nvPr>
            <p:ph sz="quarter" idx="13"/>
          </p:nvPr>
        </p:nvSpPr>
        <p:spPr>
          <a:xfrm>
            <a:off x="449407" y="1051050"/>
            <a:ext cx="8058150" cy="4392488"/>
          </a:xfrm>
        </p:spPr>
        <p:txBody>
          <a:bodyPr/>
          <a:lstStyle/>
          <a:p>
            <a:r>
              <a:rPr lang="de-DE" sz="2000" dirty="0"/>
              <a:t>Die Rettung von Menschenleben die keinerlei Zeitverzug erlaubt ist eine besondere Einsatzsituation.</a:t>
            </a:r>
          </a:p>
          <a:p>
            <a:r>
              <a:rPr lang="de-DE" sz="2000" dirty="0"/>
              <a:t>Unter Umständen muss hier eine erhöhte Eigengefährdung der Einsatzkräfte in Kauf genommen werden.</a:t>
            </a:r>
          </a:p>
          <a:p>
            <a:r>
              <a:rPr lang="de-DE" sz="2000" dirty="0"/>
              <a:t>Der Einsatzleiter kann entscheiden, dass zunächst ohne vollständige Sonderausrüstung, aber mindestens mit PA vorgegangen wird.</a:t>
            </a:r>
          </a:p>
          <a:p>
            <a:endParaRPr lang="de-DE" dirty="0"/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56D39654-31CE-4D30-8FC0-800A17142ABA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100000" l="0" r="100000">
                        <a14:foregroundMark x1="41803" y1="38462" x2="41803" y2="38462"/>
                        <a14:foregroundMark x1="18033" y1="71154" x2="18033" y2="71154"/>
                        <a14:foregroundMark x1="14754" y1="63462" x2="14754" y2="63462"/>
                        <a14:foregroundMark x1="11475" y1="58333" x2="11475" y2="58333"/>
                        <a14:foregroundMark x1="14754" y1="54487" x2="14754" y2="54487"/>
                        <a14:foregroundMark x1="13934" y1="50000" x2="13934" y2="50000"/>
                        <a14:foregroundMark x1="13115" y1="43590" x2="13115" y2="43590"/>
                        <a14:foregroundMark x1="12295" y1="40385" x2="12295" y2="40385"/>
                        <a14:foregroundMark x1="11475" y1="33333" x2="11475" y2="33333"/>
                        <a14:foregroundMark x1="11475" y1="30128" x2="11475" y2="30128"/>
                        <a14:foregroundMark x1="11475" y1="15385" x2="11475" y2="15385"/>
                        <a14:foregroundMark x1="12295" y1="9615" x2="12295" y2="9615"/>
                        <a14:foregroundMark x1="11475" y1="6410" x2="11475" y2="6410"/>
                        <a14:foregroundMark x1="20492" y1="73718" x2="20492" y2="73718"/>
                        <a14:foregroundMark x1="23770" y1="78846" x2="23770" y2="78846"/>
                        <a14:foregroundMark x1="25410" y1="82051" x2="25410" y2="82051"/>
                        <a14:foregroundMark x1="27049" y1="86538" x2="27049" y2="86538"/>
                        <a14:foregroundMark x1="22951" y1="88462" x2="22951" y2="88462"/>
                        <a14:foregroundMark x1="43443" y1="49359" x2="43443" y2="49359"/>
                        <a14:foregroundMark x1="45082" y1="45513" x2="45082" y2="45513"/>
                        <a14:foregroundMark x1="50000" y1="42949" x2="50000" y2="42949"/>
                        <a14:foregroundMark x1="46721" y1="39103" x2="46721" y2="39103"/>
                        <a14:foregroundMark x1="55738" y1="42308" x2="55738" y2="42308"/>
                        <a14:foregroundMark x1="16393" y1="56410" x2="16393" y2="56410"/>
                        <a14:foregroundMark x1="18852" y1="64103" x2="18852" y2="64103"/>
                        <a14:foregroundMark x1="19672" y1="67308" x2="19672" y2="67308"/>
                        <a14:foregroundMark x1="20492" y1="69872" x2="20492" y2="69872"/>
                        <a14:foregroundMark x1="23770" y1="72436" x2="23770" y2="72436"/>
                        <a14:foregroundMark x1="22951" y1="67949" x2="22951" y2="67949"/>
                        <a14:foregroundMark x1="21311" y1="56410" x2="21311" y2="56410"/>
                        <a14:foregroundMark x1="18033" y1="39103" x2="18033" y2="39103"/>
                        <a14:foregroundMark x1="9016" y1="30769" x2="9016" y2="30769"/>
                        <a14:foregroundMark x1="8197" y1="29487" x2="8197" y2="29487"/>
                        <a14:foregroundMark x1="9836" y1="5128" x2="9836" y2="5128"/>
                        <a14:foregroundMark x1="10656" y1="3846" x2="10656" y2="3846"/>
                        <a14:foregroundMark x1="9016" y1="1282" x2="9016" y2="1282"/>
                        <a14:foregroundMark x1="31967" y1="81410" x2="31967" y2="81410"/>
                        <a14:foregroundMark x1="30328" y1="86538" x2="30328" y2="86538"/>
                        <a14:foregroundMark x1="13115" y1="79487" x2="13115" y2="79487"/>
                        <a14:foregroundMark x1="18033" y1="83974" x2="18033" y2="83974"/>
                        <a14:foregroundMark x1="21311" y1="78205" x2="21311" y2="78205"/>
                        <a14:foregroundMark x1="22951" y1="79487" x2="22951" y2="79487"/>
                        <a14:foregroundMark x1="27869" y1="84615" x2="27869" y2="84615"/>
                        <a14:foregroundMark x1="28689" y1="88462" x2="28689" y2="88462"/>
                        <a14:foregroundMark x1="27869" y1="90385" x2="27869" y2="90385"/>
                        <a14:foregroundMark x1="31967" y1="89103" x2="31967" y2="89103"/>
                        <a14:foregroundMark x1="33607" y1="89103" x2="33607" y2="89103"/>
                        <a14:foregroundMark x1="30328" y1="92949" x2="30328" y2="92949"/>
                        <a14:foregroundMark x1="28689" y1="92308" x2="28689" y2="92308"/>
                        <a14:foregroundMark x1="31148" y1="94231" x2="31148" y2="94231"/>
                        <a14:foregroundMark x1="31148" y1="95513" x2="31148" y2="95513"/>
                        <a14:foregroundMark x1="14754" y1="80769" x2="14754" y2="80769"/>
                        <a14:foregroundMark x1="10656" y1="53205" x2="10656" y2="53205"/>
                        <a14:foregroundMark x1="10656" y1="50000" x2="10656" y2="50000"/>
                        <a14:foregroundMark x1="10656" y1="46154" x2="10656" y2="46154"/>
                        <a14:foregroundMark x1="9836" y1="43590" x2="9836" y2="43590"/>
                        <a14:foregroundMark x1="9016" y1="40385" x2="9016" y2="40385"/>
                        <a14:foregroundMark x1="9016" y1="36538" x2="9016" y2="36538"/>
                        <a14:foregroundMark x1="7377" y1="33974" x2="7377" y2="33333"/>
                        <a14:foregroundMark x1="6557" y1="30128" x2="6557" y2="30128"/>
                        <a14:foregroundMark x1="9836" y1="22436" x2="9836" y2="22436"/>
                        <a14:foregroundMark x1="9836" y1="17949" x2="9836" y2="17949"/>
                        <a14:foregroundMark x1="8197" y1="13462" x2="8197" y2="12821"/>
                        <a14:foregroundMark x1="8197" y1="9615" x2="8197" y2="9615"/>
                        <a14:foregroundMark x1="13115" y1="7051" x2="13115" y2="7051"/>
                        <a14:foregroundMark x1="13115" y1="4487" x2="13115" y2="4487"/>
                        <a14:foregroundMark x1="13934" y1="8333" x2="13934" y2="8333"/>
                        <a14:foregroundMark x1="15574" y1="9615" x2="15574" y2="9615"/>
                        <a14:foregroundMark x1="10656" y1="641" x2="10656" y2="641"/>
                        <a14:foregroundMark x1="8197" y1="641" x2="8197" y2="641"/>
                        <a14:foregroundMark x1="10656" y1="3205" x2="10656" y2="3205"/>
                        <a14:foregroundMark x1="8197" y1="2564" x2="8197" y2="2564"/>
                        <a14:foregroundMark x1="8197" y1="4487" x2="8197" y2="4487"/>
                        <a14:foregroundMark x1="8197" y1="8333" x2="8197" y2="833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1907391" y="74857"/>
            <a:ext cx="506000" cy="648000"/>
          </a:xfrm>
          <a:prstGeom prst="rect">
            <a:avLst/>
          </a:prstGeom>
        </p:spPr>
      </p:pic>
      <p:sp>
        <p:nvSpPr>
          <p:cNvPr id="7" name="Textfeld 2">
            <a:extLst>
              <a:ext uri="{FF2B5EF4-FFF2-40B4-BE49-F238E27FC236}">
                <a16:creationId xmlns:a16="http://schemas.microsoft.com/office/drawing/2014/main" id="{320E1FC1-9298-473A-A8DB-9654B50DF76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23976" y="3578109"/>
            <a:ext cx="6630924" cy="2515176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>
              <a:lnSpc>
                <a:spcPct val="120000"/>
              </a:lnSpc>
              <a:spcAft>
                <a:spcPts val="0"/>
              </a:spcAft>
            </a:pP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Ausnahme:		Objekte der Gefahrengruppen IIA und IIIA</a:t>
            </a: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endParaRPr lang="de-DE" sz="1200" i="1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Hier sind Einsatzkräfte auch zur Menschenrettung mit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Isoliergerät, Schutzkleidung Form 1, Personendosimeter und Dosiswarngerät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auszurüsten.</a:t>
            </a: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endParaRPr lang="de-DE" sz="1200" i="1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  <a:p>
            <a:pPr>
              <a:lnSpc>
                <a:spcPct val="120000"/>
              </a:lnSpc>
              <a:spcAft>
                <a:spcPts val="0"/>
              </a:spcAft>
            </a:pP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Immer erlaubt:	Transporte von gefährlichen Gütern</a:t>
            </a: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endParaRPr lang="de-DE" sz="1200" b="1" i="1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Jede Feuerwehr mit Isoliergeräten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kann bei Transportunfällen mit gefährlichen Gütern in der Regel eine Menschenrettung durchführen.</a:t>
            </a: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Der vorgehende Trupp bleibt unter Atemschutz so lange an der Grenze des Gefahrenbereichs bis eine geeignete Dekon (Standard Dekon) zur Verfügung steht.</a:t>
            </a:r>
          </a:p>
        </p:txBody>
      </p:sp>
      <p:sp>
        <p:nvSpPr>
          <p:cNvPr id="9" name="Fußzeilenplatzhalter 4">
            <a:extLst>
              <a:ext uri="{FF2B5EF4-FFF2-40B4-BE49-F238E27FC236}">
                <a16:creationId xmlns:a16="http://schemas.microsoft.com/office/drawing/2014/main" id="{75571245-2936-4477-9460-1B06F5F30529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2070289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>
          <a:xfrm>
            <a:off x="3600000" y="3420000"/>
            <a:ext cx="4860432" cy="1447800"/>
          </a:xfrm>
        </p:spPr>
        <p:txBody>
          <a:bodyPr/>
          <a:lstStyle/>
          <a:p>
            <a:r>
              <a:rPr lang="de-DE" sz="4400" b="1" dirty="0"/>
              <a:t>Inkorporation</a:t>
            </a:r>
          </a:p>
        </p:txBody>
      </p:sp>
      <p:pic>
        <p:nvPicPr>
          <p:cNvPr id="5" name="Bildplatzhalter 4">
            <a:extLst>
              <a:ext uri="{FF2B5EF4-FFF2-40B4-BE49-F238E27FC236}">
                <a16:creationId xmlns:a16="http://schemas.microsoft.com/office/drawing/2014/main" id="{D4599582-702E-4E36-A1FF-9D64EF68250D}"/>
              </a:ext>
            </a:extLst>
          </p:cNvPr>
          <p:cNvPicPr>
            <a:picLocks noGrp="1" noChangeAspect="1"/>
          </p:cNvPicPr>
          <p:nvPr>
            <p:ph type="pic" sz="quarter" idx="10"/>
          </p:nvPr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7255" b="98039" l="9366" r="89728">
                        <a14:foregroundMark x1="55891" y1="31569" x2="55891" y2="31569"/>
                        <a14:foregroundMark x1="50755" y1="94510" x2="50755" y2="94510"/>
                        <a14:foregroundMark x1="76737" y1="93725" x2="76737" y2="93725"/>
                        <a14:foregroundMark x1="29909" y1="41569" x2="29909" y2="41569"/>
                        <a14:foregroundMark x1="48640" y1="50196" x2="48640" y2="50196"/>
                        <a14:foregroundMark x1="48036" y1="42353" x2="48036" y2="42353"/>
                        <a14:foregroundMark x1="41692" y1="7255" x2="41692" y2="7255"/>
                        <a14:foregroundMark x1="33837" y1="7255" x2="33837" y2="7255"/>
                        <a14:foregroundMark x1="9668" y1="19020" x2="9668" y2="19020"/>
                        <a14:foregroundMark x1="60725" y1="97647" x2="60725" y2="97647"/>
                        <a14:foregroundMark x1="67976" y1="97647" x2="67976" y2="97647"/>
                        <a14:foregroundMark x1="57402" y1="96863" x2="57402" y2="96863"/>
                        <a14:foregroundMark x1="58610" y1="98039" x2="58610" y2="98039"/>
                        <a14:foregroundMark x1="90030" y1="81961" x2="90030" y2="81961"/>
                        <a14:foregroundMark x1="88822" y1="78627" x2="88822" y2="78627"/>
                        <a14:foregroundMark x1="49849" y1="42353" x2="49849" y2="42353"/>
                        <a14:foregroundMark x1="25076" y1="17255" x2="25076" y2="17255"/>
                        <a14:foregroundMark x1="48640" y1="12549" x2="48640" y2="12549"/>
                        <a14:foregroundMark x1="58006" y1="18235" x2="58006" y2="18235"/>
                        <a14:foregroundMark x1="54079" y1="43333" x2="54079" y2="43333"/>
                        <a14:foregroundMark x1="64653" y1="42549" x2="64653" y2="42549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4058899" y="1592796"/>
            <a:ext cx="1728192" cy="2664296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77114788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Menschenrettung</a:t>
            </a:r>
          </a:p>
        </p:txBody>
      </p:sp>
      <p:sp>
        <p:nvSpPr>
          <p:cNvPr id="3" name="Inhaltsplatzhalter 2"/>
          <p:cNvSpPr>
            <a:spLocks noGrp="1"/>
          </p:cNvSpPr>
          <p:nvPr>
            <p:ph sz="quarter" idx="13"/>
          </p:nvPr>
        </p:nvSpPr>
        <p:spPr/>
        <p:txBody>
          <a:bodyPr/>
          <a:lstStyle/>
          <a:p>
            <a:pPr marL="0" indent="0">
              <a:buNone/>
            </a:pPr>
            <a:r>
              <a:rPr lang="de-DE" dirty="0"/>
              <a:t>Schutzkleidung Form 1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56D39654-31CE-4D30-8FC0-800A17142ABA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100000" l="0" r="100000">
                        <a14:foregroundMark x1="41803" y1="38462" x2="41803" y2="38462"/>
                        <a14:foregroundMark x1="18033" y1="71154" x2="18033" y2="71154"/>
                        <a14:foregroundMark x1="14754" y1="63462" x2="14754" y2="63462"/>
                        <a14:foregroundMark x1="11475" y1="58333" x2="11475" y2="58333"/>
                        <a14:foregroundMark x1="14754" y1="54487" x2="14754" y2="54487"/>
                        <a14:foregroundMark x1="13934" y1="50000" x2="13934" y2="50000"/>
                        <a14:foregroundMark x1="13115" y1="43590" x2="13115" y2="43590"/>
                        <a14:foregroundMark x1="12295" y1="40385" x2="12295" y2="40385"/>
                        <a14:foregroundMark x1="11475" y1="33333" x2="11475" y2="33333"/>
                        <a14:foregroundMark x1="11475" y1="30128" x2="11475" y2="30128"/>
                        <a14:foregroundMark x1="11475" y1="15385" x2="11475" y2="15385"/>
                        <a14:foregroundMark x1="12295" y1="9615" x2="12295" y2="9615"/>
                        <a14:foregroundMark x1="11475" y1="6410" x2="11475" y2="6410"/>
                        <a14:foregroundMark x1="20492" y1="73718" x2="20492" y2="73718"/>
                        <a14:foregroundMark x1="23770" y1="78846" x2="23770" y2="78846"/>
                        <a14:foregroundMark x1="25410" y1="82051" x2="25410" y2="82051"/>
                        <a14:foregroundMark x1="27049" y1="86538" x2="27049" y2="86538"/>
                        <a14:foregroundMark x1="22951" y1="88462" x2="22951" y2="88462"/>
                        <a14:foregroundMark x1="43443" y1="49359" x2="43443" y2="49359"/>
                        <a14:foregroundMark x1="45082" y1="45513" x2="45082" y2="45513"/>
                        <a14:foregroundMark x1="50000" y1="42949" x2="50000" y2="42949"/>
                        <a14:foregroundMark x1="46721" y1="39103" x2="46721" y2="39103"/>
                        <a14:foregroundMark x1="55738" y1="42308" x2="55738" y2="42308"/>
                        <a14:foregroundMark x1="16393" y1="56410" x2="16393" y2="56410"/>
                        <a14:foregroundMark x1="18852" y1="64103" x2="18852" y2="64103"/>
                        <a14:foregroundMark x1="19672" y1="67308" x2="19672" y2="67308"/>
                        <a14:foregroundMark x1="20492" y1="69872" x2="20492" y2="69872"/>
                        <a14:foregroundMark x1="23770" y1="72436" x2="23770" y2="72436"/>
                        <a14:foregroundMark x1="22951" y1="67949" x2="22951" y2="67949"/>
                        <a14:foregroundMark x1="21311" y1="56410" x2="21311" y2="56410"/>
                        <a14:foregroundMark x1="18033" y1="39103" x2="18033" y2="39103"/>
                        <a14:foregroundMark x1="9016" y1="30769" x2="9016" y2="30769"/>
                        <a14:foregroundMark x1="8197" y1="29487" x2="8197" y2="29487"/>
                        <a14:foregroundMark x1="9836" y1="5128" x2="9836" y2="5128"/>
                        <a14:foregroundMark x1="10656" y1="3846" x2="10656" y2="3846"/>
                        <a14:foregroundMark x1="9016" y1="1282" x2="9016" y2="1282"/>
                        <a14:foregroundMark x1="31967" y1="81410" x2="31967" y2="81410"/>
                        <a14:foregroundMark x1="30328" y1="86538" x2="30328" y2="86538"/>
                        <a14:foregroundMark x1="13115" y1="79487" x2="13115" y2="79487"/>
                        <a14:foregroundMark x1="18033" y1="83974" x2="18033" y2="83974"/>
                        <a14:foregroundMark x1="21311" y1="78205" x2="21311" y2="78205"/>
                        <a14:foregroundMark x1="22951" y1="79487" x2="22951" y2="79487"/>
                        <a14:foregroundMark x1="27869" y1="84615" x2="27869" y2="84615"/>
                        <a14:foregroundMark x1="28689" y1="88462" x2="28689" y2="88462"/>
                        <a14:foregroundMark x1="27869" y1="90385" x2="27869" y2="90385"/>
                        <a14:foregroundMark x1="31967" y1="89103" x2="31967" y2="89103"/>
                        <a14:foregroundMark x1="33607" y1="89103" x2="33607" y2="89103"/>
                        <a14:foregroundMark x1="30328" y1="92949" x2="30328" y2="92949"/>
                        <a14:foregroundMark x1="28689" y1="92308" x2="28689" y2="92308"/>
                        <a14:foregroundMark x1="31148" y1="94231" x2="31148" y2="94231"/>
                        <a14:foregroundMark x1="31148" y1="95513" x2="31148" y2="95513"/>
                        <a14:foregroundMark x1="14754" y1="80769" x2="14754" y2="80769"/>
                        <a14:foregroundMark x1="10656" y1="53205" x2="10656" y2="53205"/>
                        <a14:foregroundMark x1="10656" y1="50000" x2="10656" y2="50000"/>
                        <a14:foregroundMark x1="10656" y1="46154" x2="10656" y2="46154"/>
                        <a14:foregroundMark x1="9836" y1="43590" x2="9836" y2="43590"/>
                        <a14:foregroundMark x1="9016" y1="40385" x2="9016" y2="40385"/>
                        <a14:foregroundMark x1="9016" y1="36538" x2="9016" y2="36538"/>
                        <a14:foregroundMark x1="7377" y1="33974" x2="7377" y2="33333"/>
                        <a14:foregroundMark x1="6557" y1="30128" x2="6557" y2="30128"/>
                        <a14:foregroundMark x1="9836" y1="22436" x2="9836" y2="22436"/>
                        <a14:foregroundMark x1="9836" y1="17949" x2="9836" y2="17949"/>
                        <a14:foregroundMark x1="8197" y1="13462" x2="8197" y2="12821"/>
                        <a14:foregroundMark x1="8197" y1="9615" x2="8197" y2="9615"/>
                        <a14:foregroundMark x1="13115" y1="7051" x2="13115" y2="7051"/>
                        <a14:foregroundMark x1="13115" y1="4487" x2="13115" y2="4487"/>
                        <a14:foregroundMark x1="13934" y1="8333" x2="13934" y2="8333"/>
                        <a14:foregroundMark x1="15574" y1="9615" x2="15574" y2="9615"/>
                        <a14:foregroundMark x1="10656" y1="641" x2="10656" y2="641"/>
                        <a14:foregroundMark x1="8197" y1="641" x2="8197" y2="641"/>
                        <a14:foregroundMark x1="10656" y1="3205" x2="10656" y2="3205"/>
                        <a14:foregroundMark x1="8197" y1="2564" x2="8197" y2="2564"/>
                        <a14:foregroundMark x1="8197" y1="4487" x2="8197" y2="4487"/>
                        <a14:foregroundMark x1="8197" y1="8333" x2="8197" y2="833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1907391" y="74857"/>
            <a:ext cx="506000" cy="648000"/>
          </a:xfrm>
          <a:prstGeom prst="rect">
            <a:avLst/>
          </a:prstGeom>
        </p:spPr>
      </p:pic>
      <p:grpSp>
        <p:nvGrpSpPr>
          <p:cNvPr id="27" name="Gruppieren 26">
            <a:extLst>
              <a:ext uri="{FF2B5EF4-FFF2-40B4-BE49-F238E27FC236}">
                <a16:creationId xmlns:a16="http://schemas.microsoft.com/office/drawing/2014/main" id="{C4ED5128-B7B4-4EDC-9325-70B6E9610E0F}"/>
              </a:ext>
            </a:extLst>
          </p:cNvPr>
          <p:cNvGrpSpPr/>
          <p:nvPr/>
        </p:nvGrpSpPr>
        <p:grpSpPr>
          <a:xfrm>
            <a:off x="6974912" y="3465638"/>
            <a:ext cx="1910284" cy="1296142"/>
            <a:chOff x="7145125" y="4868912"/>
            <a:chExt cx="1910284" cy="1296142"/>
          </a:xfrm>
        </p:grpSpPr>
        <p:grpSp>
          <p:nvGrpSpPr>
            <p:cNvPr id="29" name="Gruppieren 28">
              <a:extLst>
                <a:ext uri="{FF2B5EF4-FFF2-40B4-BE49-F238E27FC236}">
                  <a16:creationId xmlns:a16="http://schemas.microsoft.com/office/drawing/2014/main" id="{9E23C54E-9F7D-46BE-94D1-120F363A5B48}"/>
                </a:ext>
              </a:extLst>
            </p:cNvPr>
            <p:cNvGrpSpPr/>
            <p:nvPr/>
          </p:nvGrpSpPr>
          <p:grpSpPr>
            <a:xfrm>
              <a:off x="7145125" y="4869160"/>
              <a:ext cx="1101324" cy="1224136"/>
              <a:chOff x="3112676" y="3284984"/>
              <a:chExt cx="1101324" cy="1224136"/>
            </a:xfrm>
          </p:grpSpPr>
          <p:grpSp>
            <p:nvGrpSpPr>
              <p:cNvPr id="32" name="Gruppieren 31">
                <a:extLst>
                  <a:ext uri="{FF2B5EF4-FFF2-40B4-BE49-F238E27FC236}">
                    <a16:creationId xmlns:a16="http://schemas.microsoft.com/office/drawing/2014/main" id="{4DE28A6F-BCD5-40A1-AEBE-543EDCBC36C5}"/>
                  </a:ext>
                </a:extLst>
              </p:cNvPr>
              <p:cNvGrpSpPr/>
              <p:nvPr/>
            </p:nvGrpSpPr>
            <p:grpSpPr>
              <a:xfrm>
                <a:off x="3131839" y="3284984"/>
                <a:ext cx="1008113" cy="1224136"/>
                <a:chOff x="3131839" y="3284984"/>
                <a:chExt cx="1008113" cy="1224136"/>
              </a:xfrm>
            </p:grpSpPr>
            <p:sp>
              <p:nvSpPr>
                <p:cNvPr id="34" name="Abgerundetes Rechteck 43">
                  <a:extLst>
                    <a:ext uri="{FF2B5EF4-FFF2-40B4-BE49-F238E27FC236}">
                      <a16:creationId xmlns:a16="http://schemas.microsoft.com/office/drawing/2014/main" id="{7624DED6-044E-4026-B038-3FDCF4BA3F10}"/>
                    </a:ext>
                  </a:extLst>
                </p:cNvPr>
                <p:cNvSpPr/>
                <p:nvPr/>
              </p:nvSpPr>
              <p:spPr bwMode="auto">
                <a:xfrm>
                  <a:off x="3131839" y="3284984"/>
                  <a:ext cx="1008113" cy="1224136"/>
                </a:xfrm>
                <a:prstGeom prst="roundRect">
                  <a:avLst/>
                </a:prstGeom>
                <a:solidFill>
                  <a:schemeClr val="tx1"/>
                </a:solidFill>
                <a:ln w="38100" cap="flat" cmpd="sng" algn="ctr">
                  <a:solidFill>
                    <a:schemeClr val="tx1"/>
                  </a:solidFill>
                  <a:prstDash val="solid"/>
                  <a:miter lim="800000"/>
                  <a:headEnd type="none" w="med" len="med"/>
                  <a:tailEnd type="none" w="med" len="med"/>
                </a:ln>
                <a:effectLst/>
              </p:spPr>
              <p:txBody>
                <a:bodyPr vert="horz" wrap="none" lIns="91440" tIns="45720" rIns="91440" bIns="45720" numCol="1" rtlCol="0" anchor="t" anchorCtr="0" compatLnSpc="1">
                  <a:prstTxWarp prst="textNoShape">
                    <a:avLst/>
                  </a:prstTxWarp>
                </a:bodyPr>
                <a:lstStyle/>
                <a:p>
                  <a:endParaRPr lang="de-DE"/>
                </a:p>
              </p:txBody>
            </p:sp>
            <p:sp>
              <p:nvSpPr>
                <p:cNvPr id="35" name="Abgerundetes Rechteck 44">
                  <a:extLst>
                    <a:ext uri="{FF2B5EF4-FFF2-40B4-BE49-F238E27FC236}">
                      <a16:creationId xmlns:a16="http://schemas.microsoft.com/office/drawing/2014/main" id="{AA8472D0-F1C7-4BC9-800C-CBB8DC5CD81E}"/>
                    </a:ext>
                  </a:extLst>
                </p:cNvPr>
                <p:cNvSpPr/>
                <p:nvPr/>
              </p:nvSpPr>
              <p:spPr bwMode="auto">
                <a:xfrm>
                  <a:off x="3131839" y="3284984"/>
                  <a:ext cx="1008113" cy="1008112"/>
                </a:xfrm>
                <a:prstGeom prst="roundRect">
                  <a:avLst/>
                </a:prstGeom>
                <a:solidFill>
                  <a:schemeClr val="bg1"/>
                </a:solidFill>
                <a:ln w="38100" cap="flat" cmpd="sng" algn="ctr">
                  <a:solidFill>
                    <a:schemeClr val="tx1"/>
                  </a:solidFill>
                  <a:prstDash val="solid"/>
                  <a:miter lim="800000"/>
                  <a:headEnd type="none" w="med" len="med"/>
                  <a:tailEnd type="none" w="med" len="med"/>
                </a:ln>
                <a:effectLst/>
              </p:spPr>
              <p:txBody>
                <a:bodyPr vert="horz" wrap="none" lIns="91440" tIns="45720" rIns="91440" bIns="45720" numCol="1" rtlCol="0" anchor="t" anchorCtr="0" compatLnSpc="1">
                  <a:prstTxWarp prst="textNoShape">
                    <a:avLst/>
                  </a:prstTxWarp>
                </a:bodyPr>
                <a:lstStyle/>
                <a:p>
                  <a:endParaRPr lang="de-DE"/>
                </a:p>
              </p:txBody>
            </p:sp>
          </p:grpSp>
          <p:sp>
            <p:nvSpPr>
              <p:cNvPr id="33" name="Textfeld 32">
                <a:extLst>
                  <a:ext uri="{FF2B5EF4-FFF2-40B4-BE49-F238E27FC236}">
                    <a16:creationId xmlns:a16="http://schemas.microsoft.com/office/drawing/2014/main" id="{569764D7-8539-4C98-9B54-9BDD7AE52FC7}"/>
                  </a:ext>
                </a:extLst>
              </p:cNvPr>
              <p:cNvSpPr txBox="1"/>
              <p:nvPr/>
            </p:nvSpPr>
            <p:spPr>
              <a:xfrm>
                <a:off x="3112676" y="4258550"/>
                <a:ext cx="1101324" cy="24622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de-DE" sz="1000" dirty="0">
                    <a:solidFill>
                      <a:schemeClr val="bg1"/>
                    </a:solidFill>
                    <a:latin typeface="Arial Rounded MT Bold" panose="020F0704030504030204" pitchFamily="34" charset="0"/>
                  </a:rPr>
                  <a:t>DGUV PSA</a:t>
                </a:r>
              </a:p>
            </p:txBody>
          </p:sp>
        </p:grpSp>
        <p:pic>
          <p:nvPicPr>
            <p:cNvPr id="30" name="Grafik 29">
              <a:extLst>
                <a:ext uri="{FF2B5EF4-FFF2-40B4-BE49-F238E27FC236}">
                  <a16:creationId xmlns:a16="http://schemas.microsoft.com/office/drawing/2014/main" id="{8680C833-E2B8-4C53-BC1B-DB3257B00337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screen">
              <a:extLst>
                <a:ext uri="{BEBA8EAE-BF5A-486C-A8C5-ECC9F3942E4B}">
                  <a14:imgProps xmlns:a14="http://schemas.microsoft.com/office/drawing/2010/main">
                    <a14:imgLayer r:embed="rId7">
                      <a14:imgEffect>
                        <a14:backgroundRemoval t="32829" b="61781" l="27417" r="61917">
                          <a14:foregroundMark x1="43750" y1="37977" x2="52083" y2="37008"/>
                          <a14:foregroundMark x1="50250" y1="35978" x2="49583" y2="38340"/>
                          <a14:foregroundMark x1="50500" y1="34706" x2="49917" y2="34888"/>
                          <a14:foregroundMark x1="48583" y1="33979" x2="46083" y2="34282"/>
                          <a14:foregroundMark x1="45750" y1="34646" x2="43083" y2="35675"/>
                          <a14:foregroundMark x1="49833" y1="40703" x2="48417" y2="41793"/>
                          <a14:foregroundMark x1="43500" y1="40763" x2="42250" y2="41732"/>
                          <a14:foregroundMark x1="45917" y1="40521" x2="45417" y2="41066"/>
                          <a14:foregroundMark x1="49583" y1="53301" x2="52917" y2="53604"/>
                          <a14:foregroundMark x1="52917" y1="53725" x2="56083" y2="55724"/>
                          <a14:foregroundMark x1="56083" y1="55784" x2="56833" y2="58449"/>
                          <a14:foregroundMark x1="56750" y1="58510" x2="53167" y2="60509"/>
                          <a14:foregroundMark x1="53083" y1="60569" x2="46250" y2="60812"/>
                          <a14:foregroundMark x1="46250" y1="60812" x2="37833" y2="60812"/>
                          <a14:foregroundMark x1="37833" y1="60751" x2="35833" y2="59843"/>
                          <a14:foregroundMark x1="35833" y1="59843" x2="36583" y2="58268"/>
                        </a14:backgroundRemoval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/>
                </a:ext>
              </a:extLst>
            </a:blip>
            <a:srcRect l="27441" t="31500" r="36453" b="37001"/>
            <a:stretch/>
          </p:blipFill>
          <p:spPr>
            <a:xfrm>
              <a:off x="7975290" y="4868912"/>
              <a:ext cx="1080119" cy="1296142"/>
            </a:xfrm>
            <a:prstGeom prst="rect">
              <a:avLst/>
            </a:prstGeom>
          </p:spPr>
        </p:pic>
      </p:grpSp>
      <p:pic>
        <p:nvPicPr>
          <p:cNvPr id="21" name="Grafik 20">
            <a:hlinkClick r:id="rId8"/>
            <a:hlinkHover r:id="" action="ppaction://noaction" highlightClick="1"/>
            <a:extLst>
              <a:ext uri="{FF2B5EF4-FFF2-40B4-BE49-F238E27FC236}">
                <a16:creationId xmlns:a16="http://schemas.microsoft.com/office/drawing/2014/main" id="{38590DDC-2A58-4D57-8D29-8CF8E8811856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7086133" y="3572142"/>
            <a:ext cx="795600" cy="795600"/>
          </a:xfrm>
          <a:prstGeom prst="rect">
            <a:avLst/>
          </a:prstGeom>
        </p:spPr>
      </p:pic>
      <p:pic>
        <p:nvPicPr>
          <p:cNvPr id="4098" name="Picture 2" descr="Form_1">
            <a:extLst>
              <a:ext uri="{FF2B5EF4-FFF2-40B4-BE49-F238E27FC236}">
                <a16:creationId xmlns:a16="http://schemas.microsoft.com/office/drawing/2014/main" id="{9361C08E-136F-441F-AF44-5A71E484D5D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644058" y="882309"/>
            <a:ext cx="3531935" cy="5297903"/>
          </a:xfrm>
          <a:prstGeom prst="rect">
            <a:avLst/>
          </a:prstGeom>
          <a:noFill/>
          <a:ln>
            <a:noFill/>
          </a:ln>
        </p:spPr>
      </p:pic>
      <p:sp>
        <p:nvSpPr>
          <p:cNvPr id="17" name="Fußzeilenplatzhalter 4">
            <a:extLst>
              <a:ext uri="{FF2B5EF4-FFF2-40B4-BE49-F238E27FC236}">
                <a16:creationId xmlns:a16="http://schemas.microsoft.com/office/drawing/2014/main" id="{32964466-9E6B-4867-918C-8FF1B7679559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43681493"/>
      </p:ext>
    </p:extLst>
  </p:cSld>
  <p:clrMapOvr>
    <a:masterClrMapping/>
  </p:clrMapOvr>
  <p:transition spd="med">
    <p:pull/>
  </p:transition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Menschenrettung</a:t>
            </a:r>
          </a:p>
        </p:txBody>
      </p:sp>
      <p:sp>
        <p:nvSpPr>
          <p:cNvPr id="3" name="Inhaltsplatzhalter 2"/>
          <p:cNvSpPr>
            <a:spLocks noGrp="1"/>
          </p:cNvSpPr>
          <p:nvPr>
            <p:ph sz="quarter" idx="13"/>
          </p:nvPr>
        </p:nvSpPr>
        <p:spPr/>
        <p:txBody>
          <a:bodyPr/>
          <a:lstStyle/>
          <a:p>
            <a:r>
              <a:rPr lang="de-DE" dirty="0"/>
              <a:t>Gerettete Personen werden zur Sofort-Dekon gebracht.</a:t>
            </a:r>
          </a:p>
          <a:p>
            <a:endParaRPr lang="de-DE" dirty="0"/>
          </a:p>
          <a:p>
            <a:r>
              <a:rPr lang="de-DE" dirty="0"/>
              <a:t>Grundsätzlich gilt:</a:t>
            </a:r>
          </a:p>
          <a:p>
            <a:pPr lvl="1"/>
            <a:r>
              <a:rPr lang="de-DE" b="1" i="1" dirty="0"/>
              <a:t>Lebensrettende Sofortmaßnahmen gehen vor Dekontamination. Dabei ist der Eigenschutz zu beachten.</a:t>
            </a:r>
          </a:p>
          <a:p>
            <a:endParaRPr lang="de-DE" dirty="0"/>
          </a:p>
          <a:p>
            <a:endParaRPr lang="de-DE" dirty="0"/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56D39654-31CE-4D30-8FC0-800A17142ABA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100000" l="0" r="100000">
                        <a14:foregroundMark x1="41803" y1="38462" x2="41803" y2="38462"/>
                        <a14:foregroundMark x1="18033" y1="71154" x2="18033" y2="71154"/>
                        <a14:foregroundMark x1="14754" y1="63462" x2="14754" y2="63462"/>
                        <a14:foregroundMark x1="11475" y1="58333" x2="11475" y2="58333"/>
                        <a14:foregroundMark x1="14754" y1="54487" x2="14754" y2="54487"/>
                        <a14:foregroundMark x1="13934" y1="50000" x2="13934" y2="50000"/>
                        <a14:foregroundMark x1="13115" y1="43590" x2="13115" y2="43590"/>
                        <a14:foregroundMark x1="12295" y1="40385" x2="12295" y2="40385"/>
                        <a14:foregroundMark x1="11475" y1="33333" x2="11475" y2="33333"/>
                        <a14:foregroundMark x1="11475" y1="30128" x2="11475" y2="30128"/>
                        <a14:foregroundMark x1="11475" y1="15385" x2="11475" y2="15385"/>
                        <a14:foregroundMark x1="12295" y1="9615" x2="12295" y2="9615"/>
                        <a14:foregroundMark x1="11475" y1="6410" x2="11475" y2="6410"/>
                        <a14:foregroundMark x1="20492" y1="73718" x2="20492" y2="73718"/>
                        <a14:foregroundMark x1="23770" y1="78846" x2="23770" y2="78846"/>
                        <a14:foregroundMark x1="25410" y1="82051" x2="25410" y2="82051"/>
                        <a14:foregroundMark x1="27049" y1="86538" x2="27049" y2="86538"/>
                        <a14:foregroundMark x1="22951" y1="88462" x2="22951" y2="88462"/>
                        <a14:foregroundMark x1="43443" y1="49359" x2="43443" y2="49359"/>
                        <a14:foregroundMark x1="45082" y1="45513" x2="45082" y2="45513"/>
                        <a14:foregroundMark x1="50000" y1="42949" x2="50000" y2="42949"/>
                        <a14:foregroundMark x1="46721" y1="39103" x2="46721" y2="39103"/>
                        <a14:foregroundMark x1="55738" y1="42308" x2="55738" y2="42308"/>
                        <a14:foregroundMark x1="16393" y1="56410" x2="16393" y2="56410"/>
                        <a14:foregroundMark x1="18852" y1="64103" x2="18852" y2="64103"/>
                        <a14:foregroundMark x1="19672" y1="67308" x2="19672" y2="67308"/>
                        <a14:foregroundMark x1="20492" y1="69872" x2="20492" y2="69872"/>
                        <a14:foregroundMark x1="23770" y1="72436" x2="23770" y2="72436"/>
                        <a14:foregroundMark x1="22951" y1="67949" x2="22951" y2="67949"/>
                        <a14:foregroundMark x1="21311" y1="56410" x2="21311" y2="56410"/>
                        <a14:foregroundMark x1="18033" y1="39103" x2="18033" y2="39103"/>
                        <a14:foregroundMark x1="9016" y1="30769" x2="9016" y2="30769"/>
                        <a14:foregroundMark x1="8197" y1="29487" x2="8197" y2="29487"/>
                        <a14:foregroundMark x1="9836" y1="5128" x2="9836" y2="5128"/>
                        <a14:foregroundMark x1="10656" y1="3846" x2="10656" y2="3846"/>
                        <a14:foregroundMark x1="9016" y1="1282" x2="9016" y2="1282"/>
                        <a14:foregroundMark x1="31967" y1="81410" x2="31967" y2="81410"/>
                        <a14:foregroundMark x1="30328" y1="86538" x2="30328" y2="86538"/>
                        <a14:foregroundMark x1="13115" y1="79487" x2="13115" y2="79487"/>
                        <a14:foregroundMark x1="18033" y1="83974" x2="18033" y2="83974"/>
                        <a14:foregroundMark x1="21311" y1="78205" x2="21311" y2="78205"/>
                        <a14:foregroundMark x1="22951" y1="79487" x2="22951" y2="79487"/>
                        <a14:foregroundMark x1="27869" y1="84615" x2="27869" y2="84615"/>
                        <a14:foregroundMark x1="28689" y1="88462" x2="28689" y2="88462"/>
                        <a14:foregroundMark x1="27869" y1="90385" x2="27869" y2="90385"/>
                        <a14:foregroundMark x1="31967" y1="89103" x2="31967" y2="89103"/>
                        <a14:foregroundMark x1="33607" y1="89103" x2="33607" y2="89103"/>
                        <a14:foregroundMark x1="30328" y1="92949" x2="30328" y2="92949"/>
                        <a14:foregroundMark x1="28689" y1="92308" x2="28689" y2="92308"/>
                        <a14:foregroundMark x1="31148" y1="94231" x2="31148" y2="94231"/>
                        <a14:foregroundMark x1="31148" y1="95513" x2="31148" y2="95513"/>
                        <a14:foregroundMark x1="14754" y1="80769" x2="14754" y2="80769"/>
                        <a14:foregroundMark x1="10656" y1="53205" x2="10656" y2="53205"/>
                        <a14:foregroundMark x1="10656" y1="50000" x2="10656" y2="50000"/>
                        <a14:foregroundMark x1="10656" y1="46154" x2="10656" y2="46154"/>
                        <a14:foregroundMark x1="9836" y1="43590" x2="9836" y2="43590"/>
                        <a14:foregroundMark x1="9016" y1="40385" x2="9016" y2="40385"/>
                        <a14:foregroundMark x1="9016" y1="36538" x2="9016" y2="36538"/>
                        <a14:foregroundMark x1="7377" y1="33974" x2="7377" y2="33333"/>
                        <a14:foregroundMark x1="6557" y1="30128" x2="6557" y2="30128"/>
                        <a14:foregroundMark x1="9836" y1="22436" x2="9836" y2="22436"/>
                        <a14:foregroundMark x1="9836" y1="17949" x2="9836" y2="17949"/>
                        <a14:foregroundMark x1="8197" y1="13462" x2="8197" y2="12821"/>
                        <a14:foregroundMark x1="8197" y1="9615" x2="8197" y2="9615"/>
                        <a14:foregroundMark x1="13115" y1="7051" x2="13115" y2="7051"/>
                        <a14:foregroundMark x1="13115" y1="4487" x2="13115" y2="4487"/>
                        <a14:foregroundMark x1="13934" y1="8333" x2="13934" y2="8333"/>
                        <a14:foregroundMark x1="15574" y1="9615" x2="15574" y2="9615"/>
                        <a14:foregroundMark x1="10656" y1="641" x2="10656" y2="641"/>
                        <a14:foregroundMark x1="8197" y1="641" x2="8197" y2="641"/>
                        <a14:foregroundMark x1="10656" y1="3205" x2="10656" y2="3205"/>
                        <a14:foregroundMark x1="8197" y1="2564" x2="8197" y2="2564"/>
                        <a14:foregroundMark x1="8197" y1="4487" x2="8197" y2="4487"/>
                        <a14:foregroundMark x1="8197" y1="8333" x2="8197" y2="833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1907391" y="74857"/>
            <a:ext cx="506000" cy="648000"/>
          </a:xfrm>
          <a:prstGeom prst="rect">
            <a:avLst/>
          </a:prstGeom>
        </p:spPr>
      </p:pic>
      <p:sp>
        <p:nvSpPr>
          <p:cNvPr id="7" name="Textfeld 2">
            <a:extLst>
              <a:ext uri="{FF2B5EF4-FFF2-40B4-BE49-F238E27FC236}">
                <a16:creationId xmlns:a16="http://schemas.microsoft.com/office/drawing/2014/main" id="{7E2CB458-CB21-42EC-9798-55D05CD6DB1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03648" y="3779001"/>
            <a:ext cx="6630924" cy="2232000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Kontaminierte Verletzte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sind soweit medizinisch vertretbar unter Verantwortung und Anleitung des Rettungsdienstes (Notarzt) zu dekontaminieren. Bei einigen ABC-Gefahrstoffen, die bei Kontaminationsverschleppung eine erhebliche Schadenausweitung verursachen würden, ist eine Dekontamination/Desinfektion an der Einsatzstelle erforderlich.</a:t>
            </a: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endParaRPr lang="de-DE" sz="1200" b="1" i="1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Der Rettungsdienst ist über eine Kontamination oder einen Kontaminationsverdacht zu informieren!</a:t>
            </a: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endParaRPr lang="de-DE" sz="1200" i="1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Das aufnehmende Krankenhaus ist über die Leitstelle ebenfalls zu informieren!</a:t>
            </a:r>
          </a:p>
        </p:txBody>
      </p:sp>
      <p:sp>
        <p:nvSpPr>
          <p:cNvPr id="9" name="Fußzeilenplatzhalter 4">
            <a:extLst>
              <a:ext uri="{FF2B5EF4-FFF2-40B4-BE49-F238E27FC236}">
                <a16:creationId xmlns:a16="http://schemas.microsoft.com/office/drawing/2014/main" id="{111654A8-560C-418E-B9E2-B818879DDFE6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88452738"/>
      </p:ext>
    </p:extLst>
  </p:cSld>
  <p:clrMapOvr>
    <a:masterClrMapping/>
  </p:clrMapOvr>
  <p:transition spd="med">
    <p:pull/>
  </p:transition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Menschenrettung</a:t>
            </a:r>
          </a:p>
        </p:txBody>
      </p:sp>
      <p:sp>
        <p:nvSpPr>
          <p:cNvPr id="3" name="Inhaltsplatzhalter 2"/>
          <p:cNvSpPr>
            <a:spLocks noGrp="1"/>
          </p:cNvSpPr>
          <p:nvPr>
            <p:ph sz="quarter" idx="13"/>
          </p:nvPr>
        </p:nvSpPr>
        <p:spPr/>
        <p:txBody>
          <a:bodyPr/>
          <a:lstStyle/>
          <a:p>
            <a:r>
              <a:rPr lang="de-DE" dirty="0"/>
              <a:t>Der rettende Einsatztrupp bleibt bis zur Feststellung von Kontaminationsfreiheit und/oder evtl. Dekon-Maßnahmen im Gefahrenbereich.</a:t>
            </a:r>
          </a:p>
          <a:p>
            <a:endParaRPr lang="de-DE" dirty="0"/>
          </a:p>
          <a:p>
            <a:r>
              <a:rPr lang="de-DE" dirty="0"/>
              <a:t>Hierfür sind ggfs. Filter ABEK2-P3 einzusetzen.</a:t>
            </a:r>
          </a:p>
          <a:p>
            <a:endParaRPr lang="de-DE" dirty="0"/>
          </a:p>
          <a:p>
            <a:r>
              <a:rPr lang="de-DE" dirty="0"/>
              <a:t>Mitgeführte Einsatzmittel sind in an einer geeigneten Stelle abzulegen.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56D39654-31CE-4D30-8FC0-800A17142ABA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0" b="100000" l="0" r="100000">
                        <a14:foregroundMark x1="41803" y1="38462" x2="41803" y2="38462"/>
                        <a14:foregroundMark x1="18033" y1="71154" x2="18033" y2="71154"/>
                        <a14:foregroundMark x1="14754" y1="63462" x2="14754" y2="63462"/>
                        <a14:foregroundMark x1="11475" y1="58333" x2="11475" y2="58333"/>
                        <a14:foregroundMark x1="14754" y1="54487" x2="14754" y2="54487"/>
                        <a14:foregroundMark x1="13934" y1="50000" x2="13934" y2="50000"/>
                        <a14:foregroundMark x1="13115" y1="43590" x2="13115" y2="43590"/>
                        <a14:foregroundMark x1="12295" y1="40385" x2="12295" y2="40385"/>
                        <a14:foregroundMark x1="11475" y1="33333" x2="11475" y2="33333"/>
                        <a14:foregroundMark x1="11475" y1="30128" x2="11475" y2="30128"/>
                        <a14:foregroundMark x1="11475" y1="15385" x2="11475" y2="15385"/>
                        <a14:foregroundMark x1="12295" y1="9615" x2="12295" y2="9615"/>
                        <a14:foregroundMark x1="11475" y1="6410" x2="11475" y2="6410"/>
                        <a14:foregroundMark x1="20492" y1="73718" x2="20492" y2="73718"/>
                        <a14:foregroundMark x1="23770" y1="78846" x2="23770" y2="78846"/>
                        <a14:foregroundMark x1="25410" y1="82051" x2="25410" y2="82051"/>
                        <a14:foregroundMark x1="27049" y1="86538" x2="27049" y2="86538"/>
                        <a14:foregroundMark x1="22951" y1="88462" x2="22951" y2="88462"/>
                        <a14:foregroundMark x1="43443" y1="49359" x2="43443" y2="49359"/>
                        <a14:foregroundMark x1="45082" y1="45513" x2="45082" y2="45513"/>
                        <a14:foregroundMark x1="50000" y1="42949" x2="50000" y2="42949"/>
                        <a14:foregroundMark x1="46721" y1="39103" x2="46721" y2="39103"/>
                        <a14:foregroundMark x1="55738" y1="42308" x2="55738" y2="42308"/>
                        <a14:foregroundMark x1="16393" y1="56410" x2="16393" y2="56410"/>
                        <a14:foregroundMark x1="18852" y1="64103" x2="18852" y2="64103"/>
                        <a14:foregroundMark x1="19672" y1="67308" x2="19672" y2="67308"/>
                        <a14:foregroundMark x1="20492" y1="69872" x2="20492" y2="69872"/>
                        <a14:foregroundMark x1="23770" y1="72436" x2="23770" y2="72436"/>
                        <a14:foregroundMark x1="22951" y1="67949" x2="22951" y2="67949"/>
                        <a14:foregroundMark x1="21311" y1="56410" x2="21311" y2="56410"/>
                        <a14:foregroundMark x1="18033" y1="39103" x2="18033" y2="39103"/>
                        <a14:foregroundMark x1="9016" y1="30769" x2="9016" y2="30769"/>
                        <a14:foregroundMark x1="8197" y1="29487" x2="8197" y2="29487"/>
                        <a14:foregroundMark x1="9836" y1="5128" x2="9836" y2="5128"/>
                        <a14:foregroundMark x1="10656" y1="3846" x2="10656" y2="3846"/>
                        <a14:foregroundMark x1="9016" y1="1282" x2="9016" y2="1282"/>
                        <a14:foregroundMark x1="31967" y1="81410" x2="31967" y2="81410"/>
                        <a14:foregroundMark x1="30328" y1="86538" x2="30328" y2="86538"/>
                        <a14:foregroundMark x1="13115" y1="79487" x2="13115" y2="79487"/>
                        <a14:foregroundMark x1="18033" y1="83974" x2="18033" y2="83974"/>
                        <a14:foregroundMark x1="21311" y1="78205" x2="21311" y2="78205"/>
                        <a14:foregroundMark x1="22951" y1="79487" x2="22951" y2="79487"/>
                        <a14:foregroundMark x1="27869" y1="84615" x2="27869" y2="84615"/>
                        <a14:foregroundMark x1="28689" y1="88462" x2="28689" y2="88462"/>
                        <a14:foregroundMark x1="27869" y1="90385" x2="27869" y2="90385"/>
                        <a14:foregroundMark x1="31967" y1="89103" x2="31967" y2="89103"/>
                        <a14:foregroundMark x1="33607" y1="89103" x2="33607" y2="89103"/>
                        <a14:foregroundMark x1="30328" y1="92949" x2="30328" y2="92949"/>
                        <a14:foregroundMark x1="28689" y1="92308" x2="28689" y2="92308"/>
                        <a14:foregroundMark x1="31148" y1="94231" x2="31148" y2="94231"/>
                        <a14:foregroundMark x1="31148" y1="95513" x2="31148" y2="95513"/>
                        <a14:foregroundMark x1="14754" y1="80769" x2="14754" y2="80769"/>
                        <a14:foregroundMark x1="10656" y1="53205" x2="10656" y2="53205"/>
                        <a14:foregroundMark x1="10656" y1="50000" x2="10656" y2="50000"/>
                        <a14:foregroundMark x1="10656" y1="46154" x2="10656" y2="46154"/>
                        <a14:foregroundMark x1="9836" y1="43590" x2="9836" y2="43590"/>
                        <a14:foregroundMark x1="9016" y1="40385" x2="9016" y2="40385"/>
                        <a14:foregroundMark x1="9016" y1="36538" x2="9016" y2="36538"/>
                        <a14:foregroundMark x1="7377" y1="33974" x2="7377" y2="33333"/>
                        <a14:foregroundMark x1="6557" y1="30128" x2="6557" y2="30128"/>
                        <a14:foregroundMark x1="9836" y1="22436" x2="9836" y2="22436"/>
                        <a14:foregroundMark x1="9836" y1="17949" x2="9836" y2="17949"/>
                        <a14:foregroundMark x1="8197" y1="13462" x2="8197" y2="12821"/>
                        <a14:foregroundMark x1="8197" y1="9615" x2="8197" y2="9615"/>
                        <a14:foregroundMark x1="13115" y1="7051" x2="13115" y2="7051"/>
                        <a14:foregroundMark x1="13115" y1="4487" x2="13115" y2="4487"/>
                        <a14:foregroundMark x1="13934" y1="8333" x2="13934" y2="8333"/>
                        <a14:foregroundMark x1="15574" y1="9615" x2="15574" y2="9615"/>
                        <a14:foregroundMark x1="10656" y1="641" x2="10656" y2="641"/>
                        <a14:foregroundMark x1="8197" y1="641" x2="8197" y2="641"/>
                        <a14:foregroundMark x1="10656" y1="3205" x2="10656" y2="3205"/>
                        <a14:foregroundMark x1="8197" y1="2564" x2="8197" y2="2564"/>
                        <a14:foregroundMark x1="8197" y1="4487" x2="8197" y2="4487"/>
                        <a14:foregroundMark x1="8197" y1="8333" x2="8197" y2="833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1907391" y="74857"/>
            <a:ext cx="506000" cy="648000"/>
          </a:xfrm>
          <a:prstGeom prst="rect">
            <a:avLst/>
          </a:prstGeom>
        </p:spPr>
      </p:pic>
      <p:sp>
        <p:nvSpPr>
          <p:cNvPr id="9" name="Fußzeilenplatzhalter 4">
            <a:extLst>
              <a:ext uri="{FF2B5EF4-FFF2-40B4-BE49-F238E27FC236}">
                <a16:creationId xmlns:a16="http://schemas.microsoft.com/office/drawing/2014/main" id="{B81D63C1-C6CE-4DFA-B934-B0A9C92FCCBB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55792923"/>
      </p:ext>
    </p:extLst>
  </p:cSld>
  <p:clrMapOvr>
    <a:masterClrMapping/>
  </p:clrMapOvr>
  <p:transition spd="med">
    <p:pull/>
  </p:transition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de-DE" sz="4400" b="1" dirty="0"/>
              <a:t>Sofort Dekon </a:t>
            </a:r>
            <a:br>
              <a:rPr lang="de-DE" sz="4400" b="1" dirty="0"/>
            </a:br>
            <a:r>
              <a:rPr lang="de-DE" sz="4400" b="1" dirty="0" err="1"/>
              <a:t>Dekon</a:t>
            </a:r>
            <a:r>
              <a:rPr lang="de-DE" sz="4400" b="1" dirty="0"/>
              <a:t> Stufe 1</a:t>
            </a:r>
          </a:p>
        </p:txBody>
      </p:sp>
      <p:pic>
        <p:nvPicPr>
          <p:cNvPr id="5" name="Bildplatzhalter 4" descr="Ein Bild, das Insekt enthält.&#10;&#10;Automatisch generierte Beschreibung">
            <a:extLst>
              <a:ext uri="{FF2B5EF4-FFF2-40B4-BE49-F238E27FC236}">
                <a16:creationId xmlns:a16="http://schemas.microsoft.com/office/drawing/2014/main" id="{F1A66A82-0587-41C3-B435-1494F6CA7DC7}"/>
              </a:ext>
            </a:extLst>
          </p:cNvPr>
          <p:cNvPicPr>
            <a:picLocks noGrp="1" noChangeAspect="1"/>
          </p:cNvPicPr>
          <p:nvPr>
            <p:ph type="pic" sz="quarter" idx="10"/>
          </p:nvPr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34869" b="53495" l="43600" r="69829">
                        <a14:foregroundMark x1="68857" y1="48081" x2="68857" y2="48081"/>
                        <a14:foregroundMark x1="69829" y1="48970" x2="69829" y2="48970"/>
                        <a14:foregroundMark x1="48171" y1="50586" x2="48171" y2="50586"/>
                        <a14:foregroundMark x1="46686" y1="48808" x2="46686" y2="48808"/>
                        <a14:foregroundMark x1="46457" y1="48444" x2="46457" y2="48444"/>
                        <a14:foregroundMark x1="46457" y1="46949" x2="46457" y2="46949"/>
                        <a14:foregroundMark x1="45429" y1="46141" x2="45429" y2="46141"/>
                        <a14:foregroundMark x1="45029" y1="45051" x2="45029" y2="45051"/>
                        <a14:foregroundMark x1="48457" y1="51960" x2="48457" y2="51960"/>
                        <a14:foregroundMark x1="49486" y1="53091" x2="49486" y2="53091"/>
                        <a14:foregroundMark x1="55257" y1="51152" x2="55257" y2="51152"/>
                        <a14:foregroundMark x1="48343" y1="52283" x2="48343" y2="52283"/>
                        <a14:foregroundMark x1="48171" y1="51475" x2="48171" y2="51475"/>
                        <a14:foregroundMark x1="47600" y1="51596" x2="47600" y2="51596"/>
                        <a14:foregroundMark x1="46457" y1="48808" x2="46457" y2="48808"/>
                        <a14:foregroundMark x1="46171" y1="46747" x2="46171" y2="46747"/>
                        <a14:foregroundMark x1="45771" y1="46586" x2="45771" y2="46586"/>
                        <a14:foregroundMark x1="45029" y1="46303" x2="45029" y2="46303"/>
                        <a14:foregroundMark x1="44914" y1="45657" x2="44914" y2="45657"/>
                        <a14:foregroundMark x1="44400" y1="44000" x2="44400" y2="44000"/>
                        <a14:foregroundMark x1="44400" y1="42990" x2="44400" y2="42990"/>
                        <a14:foregroundMark x1="44400" y1="42545" x2="44514" y2="42182"/>
                        <a14:foregroundMark x1="44629" y1="41737" x2="44629" y2="41737"/>
                        <a14:foregroundMark x1="44686" y1="41131" x2="44800" y2="40929"/>
                        <a14:foregroundMark x1="45029" y1="40566" x2="45143" y2="40323"/>
                        <a14:foregroundMark x1="45543" y1="39960" x2="45657" y2="39758"/>
                        <a14:foregroundMark x1="46057" y1="39515" x2="46057" y2="39515"/>
                        <a14:foregroundMark x1="46457" y1="39232" x2="46457" y2="39232"/>
                        <a14:foregroundMark x1="47429" y1="38788" x2="47429" y2="38788"/>
                        <a14:foregroundMark x1="47714" y1="38505" x2="47714" y2="38505"/>
                        <a14:foregroundMark x1="48057" y1="37899" x2="48057" y2="37899"/>
                        <a14:foregroundMark x1="48343" y1="36808" x2="48343" y2="36525"/>
                        <a14:foregroundMark x1="48457" y1="36000" x2="48457" y2="36000"/>
                        <a14:foregroundMark x1="48857" y1="35636" x2="48857" y2="35636"/>
                        <a14:foregroundMark x1="50343" y1="35111" x2="50343" y2="35111"/>
                        <a14:foregroundMark x1="50971" y1="35313" x2="50971" y2="35313"/>
                        <a14:foregroundMark x1="51086" y1="35556" x2="51086" y2="35556"/>
                        <a14:foregroundMark x1="48743" y1="36121" x2="48743" y2="36121"/>
                        <a14:foregroundMark x1="48171" y1="36444" x2="47714" y2="36566"/>
                        <a14:foregroundMark x1="46971" y1="37091" x2="46686" y2="37333"/>
                        <a14:foregroundMark x1="44686" y1="41818" x2="44686" y2="41818"/>
                        <a14:foregroundMark x1="44629" y1="41576" x2="44629" y2="41576"/>
                        <a14:foregroundMark x1="44629" y1="40848" x2="44629" y2="40848"/>
                        <a14:foregroundMark x1="44800" y1="40202" x2="44800" y2="40202"/>
                        <a14:foregroundMark x1="45829" y1="39838" x2="45829" y2="39838"/>
                        <a14:foregroundMark x1="51086" y1="35758" x2="51086" y2="35758"/>
                        <a14:foregroundMark x1="51714" y1="35273" x2="51714" y2="35273"/>
                        <a14:foregroundMark x1="51257" y1="35030" x2="51257" y2="35030"/>
                        <a14:foregroundMark x1="51714" y1="35475" x2="51714" y2="35475"/>
                        <a14:foregroundMark x1="51714" y1="35192" x2="51714" y2="35192"/>
                        <a14:foregroundMark x1="51143" y1="34869" x2="51143" y2="34869"/>
                        <a14:foregroundMark x1="50971" y1="35636" x2="50971" y2="35636"/>
                        <a14:foregroundMark x1="50514" y1="35717" x2="50514" y2="35717"/>
                        <a14:foregroundMark x1="50229" y1="35717" x2="50229" y2="35717"/>
                        <a14:foregroundMark x1="50857" y1="35475" x2="50857" y2="35475"/>
                        <a14:foregroundMark x1="47943" y1="49253" x2="47943" y2="49253"/>
                        <a14:foregroundMark x1="49200" y1="48646" x2="49200" y2="48646"/>
                        <a14:foregroundMark x1="51771" y1="48889" x2="51771" y2="48889"/>
                        <a14:foregroundMark x1="48686" y1="48444" x2="48686" y2="48444"/>
                        <a14:foregroundMark x1="45657" y1="47192" x2="45657" y2="47192"/>
                        <a14:foregroundMark x1="46800" y1="49697" x2="46800" y2="49697"/>
                        <a14:foregroundMark x1="49314" y1="50343" x2="49314" y2="50343"/>
                        <a14:foregroundMark x1="49200" y1="51758" x2="49200" y2="51758"/>
                        <a14:foregroundMark x1="49486" y1="50869" x2="49486" y2="50869"/>
                        <a14:foregroundMark x1="52514" y1="49414" x2="52514" y2="49414"/>
                        <a14:foregroundMark x1="49371" y1="52646" x2="49371" y2="52646"/>
                        <a14:foregroundMark x1="48229" y1="51152" x2="48229" y2="51152"/>
                        <a14:foregroundMark x1="46971" y1="50949" x2="46971" y2="50949"/>
                        <a14:foregroundMark x1="47200" y1="49980" x2="47200" y2="49980"/>
                        <a14:foregroundMark x1="53029" y1="48444" x2="53029" y2="48444"/>
                        <a14:foregroundMark x1="53771" y1="50263" x2="53771" y2="50263"/>
                        <a14:foregroundMark x1="51257" y1="49697" x2="51257" y2="49697"/>
                        <a14:foregroundMark x1="51143" y1="48364" x2="51143" y2="48364"/>
                        <a14:foregroundMark x1="48686" y1="52768" x2="48686" y2="52768"/>
                        <a14:foregroundMark x1="49200" y1="53293" x2="49200" y2="5329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 l="40549" t="33025" r="28738" b="44146"/>
          <a:stretch/>
        </p:blipFill>
        <p:spPr>
          <a:xfrm rot="16200000">
            <a:off x="3275856" y="836712"/>
            <a:ext cx="2808312" cy="2952328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751509586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Sofort Dekon – Dekon Stufe 1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40" name="Inhaltsplatzhalter 2">
            <a:extLst>
              <a:ext uri="{FF2B5EF4-FFF2-40B4-BE49-F238E27FC236}">
                <a16:creationId xmlns:a16="http://schemas.microsoft.com/office/drawing/2014/main" id="{767ED3AC-EC31-4C47-A119-D59FA7B35911}"/>
              </a:ext>
            </a:extLst>
          </p:cNvPr>
          <p:cNvSpPr txBox="1">
            <a:spLocks/>
          </p:cNvSpPr>
          <p:nvPr/>
        </p:nvSpPr>
        <p:spPr>
          <a:xfrm>
            <a:off x="250825" y="1449388"/>
            <a:ext cx="8637588" cy="4679950"/>
          </a:xfrm>
          <a:prstGeom prst="rect">
            <a:avLst/>
          </a:prstGeom>
        </p:spPr>
        <p:txBody>
          <a:bodyPr/>
          <a:lstStyle>
            <a:lvl1pPr marL="342900" indent="-34290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n"/>
              <a:defRPr sz="24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1pPr>
            <a:lvl2pPr marL="742950" indent="-28575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o"/>
              <a:defRPr sz="20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2pPr>
            <a:lvl3pPr marL="1143000" indent="-22860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u"/>
              <a:defRPr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3pPr>
            <a:lvl4pPr marL="1600200" indent="-22860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v"/>
              <a:defRPr sz="16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4pPr>
            <a:lvl5pPr marL="2057400" indent="-228600" algn="l" rtl="0" eaLnBrk="1" fontAlgn="base" hangingPunct="1">
              <a:spcBef>
                <a:spcPct val="20000"/>
              </a:spcBef>
              <a:spcAft>
                <a:spcPct val="0"/>
              </a:spcAft>
              <a:buClrTx/>
              <a:buSzPct val="80000"/>
              <a:buFont typeface="Wingdings" panose="05000000000000000000" pitchFamily="2" charset="2"/>
              <a:buChar char="m"/>
              <a:defRPr sz="1400" kern="1200">
                <a:solidFill>
                  <a:schemeClr val="tx1"/>
                </a:solidFill>
                <a:latin typeface="Frutiger CE 55 Roman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de-DE" dirty="0"/>
              <a:t>Dekontamination durch die Feuerwehr</a:t>
            </a:r>
          </a:p>
          <a:p>
            <a:pPr marL="0" indent="0">
              <a:buNone/>
            </a:pPr>
            <a:endParaRPr lang="de-DE" dirty="0"/>
          </a:p>
          <a:p>
            <a:r>
              <a:rPr lang="de-DE" dirty="0"/>
              <a:t>Ist die Grobreinigung von Einsatzkräften / Schutzkleidung / anderer Personen / Geräten</a:t>
            </a:r>
          </a:p>
          <a:p>
            <a:pPr marL="0" indent="0">
              <a:buNone/>
            </a:pPr>
            <a:endParaRPr lang="de-DE" dirty="0"/>
          </a:p>
          <a:p>
            <a:r>
              <a:rPr lang="de-DE" dirty="0"/>
              <a:t>Reduzierung der Kontamination der Oberflächen</a:t>
            </a:r>
          </a:p>
          <a:p>
            <a:pPr marL="0" indent="0">
              <a:buNone/>
            </a:pPr>
            <a:endParaRPr lang="de-DE" dirty="0"/>
          </a:p>
          <a:p>
            <a:r>
              <a:rPr lang="de-DE" dirty="0"/>
              <a:t>Eigentliche Dekon obliegt den Fachbehörden</a:t>
            </a:r>
          </a:p>
          <a:p>
            <a:pPr marL="0" indent="0">
              <a:buNone/>
            </a:pPr>
            <a:endParaRPr lang="de-DE" dirty="0"/>
          </a:p>
          <a:p>
            <a:r>
              <a:rPr lang="de-DE" dirty="0"/>
              <a:t>Es soll zu keiner Kontaminationsverschleppung kommen</a:t>
            </a:r>
          </a:p>
          <a:p>
            <a:pPr marL="0" indent="0">
              <a:buNone/>
            </a:pPr>
            <a:endParaRPr lang="de-DE" dirty="0"/>
          </a:p>
          <a:p>
            <a:endParaRPr lang="de-DE" dirty="0"/>
          </a:p>
        </p:txBody>
      </p:sp>
      <p:pic>
        <p:nvPicPr>
          <p:cNvPr id="7" name="Bildplatzhalter 4" descr="Ein Bild, das Insekt enthält.&#10;&#10;Automatisch generierte Beschreibung">
            <a:extLst>
              <a:ext uri="{FF2B5EF4-FFF2-40B4-BE49-F238E27FC236}">
                <a16:creationId xmlns:a16="http://schemas.microsoft.com/office/drawing/2014/main" id="{6D9B9F51-9715-4EDE-90ED-C90D1AB3EE19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34869" b="53495" l="43600" r="69829">
                        <a14:foregroundMark x1="68857" y1="48081" x2="68857" y2="48081"/>
                        <a14:foregroundMark x1="69829" y1="48970" x2="69829" y2="48970"/>
                        <a14:foregroundMark x1="48171" y1="50586" x2="48171" y2="50586"/>
                        <a14:foregroundMark x1="46686" y1="48808" x2="46686" y2="48808"/>
                        <a14:foregroundMark x1="46457" y1="48444" x2="46457" y2="48444"/>
                        <a14:foregroundMark x1="46457" y1="46949" x2="46457" y2="46949"/>
                        <a14:foregroundMark x1="45429" y1="46141" x2="45429" y2="46141"/>
                        <a14:foregroundMark x1="45029" y1="45051" x2="45029" y2="45051"/>
                        <a14:foregroundMark x1="48457" y1="51960" x2="48457" y2="51960"/>
                        <a14:foregroundMark x1="49486" y1="53091" x2="49486" y2="53091"/>
                        <a14:foregroundMark x1="55257" y1="51152" x2="55257" y2="51152"/>
                        <a14:foregroundMark x1="48343" y1="52283" x2="48343" y2="52283"/>
                        <a14:foregroundMark x1="48171" y1="51475" x2="48171" y2="51475"/>
                        <a14:foregroundMark x1="47600" y1="51596" x2="47600" y2="51596"/>
                        <a14:foregroundMark x1="46457" y1="48808" x2="46457" y2="48808"/>
                        <a14:foregroundMark x1="46171" y1="46747" x2="46171" y2="46747"/>
                        <a14:foregroundMark x1="45771" y1="46586" x2="45771" y2="46586"/>
                        <a14:foregroundMark x1="45029" y1="46303" x2="45029" y2="46303"/>
                        <a14:foregroundMark x1="44914" y1="45657" x2="44914" y2="45657"/>
                        <a14:foregroundMark x1="44400" y1="44000" x2="44400" y2="44000"/>
                        <a14:foregroundMark x1="44400" y1="42990" x2="44400" y2="42990"/>
                        <a14:foregroundMark x1="44400" y1="42545" x2="44514" y2="42182"/>
                        <a14:foregroundMark x1="44629" y1="41737" x2="44629" y2="41737"/>
                        <a14:foregroundMark x1="44686" y1="41131" x2="44800" y2="40929"/>
                        <a14:foregroundMark x1="45029" y1="40566" x2="45143" y2="40323"/>
                        <a14:foregroundMark x1="45543" y1="39960" x2="45657" y2="39758"/>
                        <a14:foregroundMark x1="46057" y1="39515" x2="46057" y2="39515"/>
                        <a14:foregroundMark x1="46457" y1="39232" x2="46457" y2="39232"/>
                        <a14:foregroundMark x1="47429" y1="38788" x2="47429" y2="38788"/>
                        <a14:foregroundMark x1="47714" y1="38505" x2="47714" y2="38505"/>
                        <a14:foregroundMark x1="48057" y1="37899" x2="48057" y2="37899"/>
                        <a14:foregroundMark x1="48343" y1="36808" x2="48343" y2="36525"/>
                        <a14:foregroundMark x1="48457" y1="36000" x2="48457" y2="36000"/>
                        <a14:foregroundMark x1="48857" y1="35636" x2="48857" y2="35636"/>
                        <a14:foregroundMark x1="50343" y1="35111" x2="50343" y2="35111"/>
                        <a14:foregroundMark x1="50971" y1="35313" x2="50971" y2="35313"/>
                        <a14:foregroundMark x1="51086" y1="35556" x2="51086" y2="35556"/>
                        <a14:foregroundMark x1="48743" y1="36121" x2="48743" y2="36121"/>
                        <a14:foregroundMark x1="48171" y1="36444" x2="47714" y2="36566"/>
                        <a14:foregroundMark x1="46971" y1="37091" x2="46686" y2="37333"/>
                        <a14:foregroundMark x1="44686" y1="41818" x2="44686" y2="41818"/>
                        <a14:foregroundMark x1="44629" y1="41576" x2="44629" y2="41576"/>
                        <a14:foregroundMark x1="44629" y1="40848" x2="44629" y2="40848"/>
                        <a14:foregroundMark x1="44800" y1="40202" x2="44800" y2="40202"/>
                        <a14:foregroundMark x1="45829" y1="39838" x2="45829" y2="39838"/>
                        <a14:foregroundMark x1="51086" y1="35758" x2="51086" y2="35758"/>
                        <a14:foregroundMark x1="51714" y1="35273" x2="51714" y2="35273"/>
                        <a14:foregroundMark x1="51257" y1="35030" x2="51257" y2="35030"/>
                        <a14:foregroundMark x1="51714" y1="35475" x2="51714" y2="35475"/>
                        <a14:foregroundMark x1="51714" y1="35192" x2="51714" y2="35192"/>
                        <a14:foregroundMark x1="51143" y1="34869" x2="51143" y2="34869"/>
                        <a14:foregroundMark x1="50971" y1="35636" x2="50971" y2="35636"/>
                        <a14:foregroundMark x1="50514" y1="35717" x2="50514" y2="35717"/>
                        <a14:foregroundMark x1="50229" y1="35717" x2="50229" y2="35717"/>
                        <a14:foregroundMark x1="50857" y1="35475" x2="50857" y2="35475"/>
                        <a14:foregroundMark x1="47943" y1="49253" x2="47943" y2="49253"/>
                        <a14:foregroundMark x1="49200" y1="48646" x2="49200" y2="48646"/>
                        <a14:foregroundMark x1="51771" y1="48889" x2="51771" y2="48889"/>
                        <a14:foregroundMark x1="48686" y1="48444" x2="48686" y2="48444"/>
                        <a14:foregroundMark x1="45657" y1="47192" x2="45657" y2="47192"/>
                        <a14:foregroundMark x1="46800" y1="49697" x2="46800" y2="49697"/>
                        <a14:foregroundMark x1="49314" y1="50343" x2="49314" y2="50343"/>
                        <a14:foregroundMark x1="49200" y1="51758" x2="49200" y2="51758"/>
                        <a14:foregroundMark x1="49486" y1="50869" x2="49486" y2="50869"/>
                        <a14:foregroundMark x1="52514" y1="49414" x2="52514" y2="49414"/>
                        <a14:foregroundMark x1="49371" y1="52646" x2="49371" y2="52646"/>
                        <a14:foregroundMark x1="48229" y1="51152" x2="48229" y2="51152"/>
                        <a14:foregroundMark x1="46971" y1="50949" x2="46971" y2="50949"/>
                        <a14:foregroundMark x1="47200" y1="49980" x2="47200" y2="49980"/>
                        <a14:foregroundMark x1="53029" y1="48444" x2="53029" y2="48444"/>
                        <a14:foregroundMark x1="53771" y1="50263" x2="53771" y2="50263"/>
                        <a14:foregroundMark x1="51257" y1="49697" x2="51257" y2="49697"/>
                        <a14:foregroundMark x1="51143" y1="48364" x2="51143" y2="48364"/>
                        <a14:foregroundMark x1="48686" y1="52768" x2="48686" y2="52768"/>
                        <a14:foregroundMark x1="49200" y1="53293" x2="49200" y2="5329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 l="40549" t="33025" r="28738" b="44146"/>
          <a:stretch/>
        </p:blipFill>
        <p:spPr>
          <a:xfrm rot="16200000">
            <a:off x="2571581" y="19662"/>
            <a:ext cx="616390" cy="648000"/>
          </a:xfrm>
          <a:prstGeom prst="rect">
            <a:avLst/>
          </a:prstGeom>
        </p:spPr>
      </p:pic>
      <p:sp>
        <p:nvSpPr>
          <p:cNvPr id="8" name="Fußzeilenplatzhalter 4">
            <a:extLst>
              <a:ext uri="{FF2B5EF4-FFF2-40B4-BE49-F238E27FC236}">
                <a16:creationId xmlns:a16="http://schemas.microsoft.com/office/drawing/2014/main" id="{08A6490F-9F32-41B5-8911-E7A745D9501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9410147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Sofort Dekon – Dekon Stufe 1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7" name="Bildplatzhalter 4" descr="Ein Bild, das Insekt enthält.&#10;&#10;Automatisch generierte Beschreibung">
            <a:extLst>
              <a:ext uri="{FF2B5EF4-FFF2-40B4-BE49-F238E27FC236}">
                <a16:creationId xmlns:a16="http://schemas.microsoft.com/office/drawing/2014/main" id="{6D9B9F51-9715-4EDE-90ED-C90D1AB3EE19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34869" b="53495" l="43600" r="69829">
                        <a14:foregroundMark x1="68857" y1="48081" x2="68857" y2="48081"/>
                        <a14:foregroundMark x1="69829" y1="48970" x2="69829" y2="48970"/>
                        <a14:foregroundMark x1="48171" y1="50586" x2="48171" y2="50586"/>
                        <a14:foregroundMark x1="46686" y1="48808" x2="46686" y2="48808"/>
                        <a14:foregroundMark x1="46457" y1="48444" x2="46457" y2="48444"/>
                        <a14:foregroundMark x1="46457" y1="46949" x2="46457" y2="46949"/>
                        <a14:foregroundMark x1="45429" y1="46141" x2="45429" y2="46141"/>
                        <a14:foregroundMark x1="45029" y1="45051" x2="45029" y2="45051"/>
                        <a14:foregroundMark x1="48457" y1="51960" x2="48457" y2="51960"/>
                        <a14:foregroundMark x1="49486" y1="53091" x2="49486" y2="53091"/>
                        <a14:foregroundMark x1="55257" y1="51152" x2="55257" y2="51152"/>
                        <a14:foregroundMark x1="48343" y1="52283" x2="48343" y2="52283"/>
                        <a14:foregroundMark x1="48171" y1="51475" x2="48171" y2="51475"/>
                        <a14:foregroundMark x1="47600" y1="51596" x2="47600" y2="51596"/>
                        <a14:foregroundMark x1="46457" y1="48808" x2="46457" y2="48808"/>
                        <a14:foregroundMark x1="46171" y1="46747" x2="46171" y2="46747"/>
                        <a14:foregroundMark x1="45771" y1="46586" x2="45771" y2="46586"/>
                        <a14:foregroundMark x1="45029" y1="46303" x2="45029" y2="46303"/>
                        <a14:foregroundMark x1="44914" y1="45657" x2="44914" y2="45657"/>
                        <a14:foregroundMark x1="44400" y1="44000" x2="44400" y2="44000"/>
                        <a14:foregroundMark x1="44400" y1="42990" x2="44400" y2="42990"/>
                        <a14:foregroundMark x1="44400" y1="42545" x2="44514" y2="42182"/>
                        <a14:foregroundMark x1="44629" y1="41737" x2="44629" y2="41737"/>
                        <a14:foregroundMark x1="44686" y1="41131" x2="44800" y2="40929"/>
                        <a14:foregroundMark x1="45029" y1="40566" x2="45143" y2="40323"/>
                        <a14:foregroundMark x1="45543" y1="39960" x2="45657" y2="39758"/>
                        <a14:foregroundMark x1="46057" y1="39515" x2="46057" y2="39515"/>
                        <a14:foregroundMark x1="46457" y1="39232" x2="46457" y2="39232"/>
                        <a14:foregroundMark x1="47429" y1="38788" x2="47429" y2="38788"/>
                        <a14:foregroundMark x1="47714" y1="38505" x2="47714" y2="38505"/>
                        <a14:foregroundMark x1="48057" y1="37899" x2="48057" y2="37899"/>
                        <a14:foregroundMark x1="48343" y1="36808" x2="48343" y2="36525"/>
                        <a14:foregroundMark x1="48457" y1="36000" x2="48457" y2="36000"/>
                        <a14:foregroundMark x1="48857" y1="35636" x2="48857" y2="35636"/>
                        <a14:foregroundMark x1="50343" y1="35111" x2="50343" y2="35111"/>
                        <a14:foregroundMark x1="50971" y1="35313" x2="50971" y2="35313"/>
                        <a14:foregroundMark x1="51086" y1="35556" x2="51086" y2="35556"/>
                        <a14:foregroundMark x1="48743" y1="36121" x2="48743" y2="36121"/>
                        <a14:foregroundMark x1="48171" y1="36444" x2="47714" y2="36566"/>
                        <a14:foregroundMark x1="46971" y1="37091" x2="46686" y2="37333"/>
                        <a14:foregroundMark x1="44686" y1="41818" x2="44686" y2="41818"/>
                        <a14:foregroundMark x1="44629" y1="41576" x2="44629" y2="41576"/>
                        <a14:foregroundMark x1="44629" y1="40848" x2="44629" y2="40848"/>
                        <a14:foregroundMark x1="44800" y1="40202" x2="44800" y2="40202"/>
                        <a14:foregroundMark x1="45829" y1="39838" x2="45829" y2="39838"/>
                        <a14:foregroundMark x1="51086" y1="35758" x2="51086" y2="35758"/>
                        <a14:foregroundMark x1="51714" y1="35273" x2="51714" y2="35273"/>
                        <a14:foregroundMark x1="51257" y1="35030" x2="51257" y2="35030"/>
                        <a14:foregroundMark x1="51714" y1="35475" x2="51714" y2="35475"/>
                        <a14:foregroundMark x1="51714" y1="35192" x2="51714" y2="35192"/>
                        <a14:foregroundMark x1="51143" y1="34869" x2="51143" y2="34869"/>
                        <a14:foregroundMark x1="50971" y1="35636" x2="50971" y2="35636"/>
                        <a14:foregroundMark x1="50514" y1="35717" x2="50514" y2="35717"/>
                        <a14:foregroundMark x1="50229" y1="35717" x2="50229" y2="35717"/>
                        <a14:foregroundMark x1="50857" y1="35475" x2="50857" y2="35475"/>
                        <a14:foregroundMark x1="47943" y1="49253" x2="47943" y2="49253"/>
                        <a14:foregroundMark x1="49200" y1="48646" x2="49200" y2="48646"/>
                        <a14:foregroundMark x1="51771" y1="48889" x2="51771" y2="48889"/>
                        <a14:foregroundMark x1="48686" y1="48444" x2="48686" y2="48444"/>
                        <a14:foregroundMark x1="45657" y1="47192" x2="45657" y2="47192"/>
                        <a14:foregroundMark x1="46800" y1="49697" x2="46800" y2="49697"/>
                        <a14:foregroundMark x1="49314" y1="50343" x2="49314" y2="50343"/>
                        <a14:foregroundMark x1="49200" y1="51758" x2="49200" y2="51758"/>
                        <a14:foregroundMark x1="49486" y1="50869" x2="49486" y2="50869"/>
                        <a14:foregroundMark x1="52514" y1="49414" x2="52514" y2="49414"/>
                        <a14:foregroundMark x1="49371" y1="52646" x2="49371" y2="52646"/>
                        <a14:foregroundMark x1="48229" y1="51152" x2="48229" y2="51152"/>
                        <a14:foregroundMark x1="46971" y1="50949" x2="46971" y2="50949"/>
                        <a14:foregroundMark x1="47200" y1="49980" x2="47200" y2="49980"/>
                        <a14:foregroundMark x1="53029" y1="48444" x2="53029" y2="48444"/>
                        <a14:foregroundMark x1="53771" y1="50263" x2="53771" y2="50263"/>
                        <a14:foregroundMark x1="51257" y1="49697" x2="51257" y2="49697"/>
                        <a14:foregroundMark x1="51143" y1="48364" x2="51143" y2="48364"/>
                        <a14:foregroundMark x1="48686" y1="52768" x2="48686" y2="52768"/>
                        <a14:foregroundMark x1="49200" y1="53293" x2="49200" y2="5329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 l="40549" t="33025" r="28738" b="44146"/>
          <a:stretch/>
        </p:blipFill>
        <p:spPr>
          <a:xfrm rot="16200000">
            <a:off x="2571581" y="19662"/>
            <a:ext cx="616390" cy="648000"/>
          </a:xfrm>
          <a:prstGeom prst="rect">
            <a:avLst/>
          </a:prstGeom>
        </p:spPr>
      </p:pic>
      <p:pic>
        <p:nvPicPr>
          <p:cNvPr id="8" name="Grafik 7">
            <a:extLst>
              <a:ext uri="{FF2B5EF4-FFF2-40B4-BE49-F238E27FC236}">
                <a16:creationId xmlns:a16="http://schemas.microsoft.com/office/drawing/2014/main" id="{C33F2DBF-EE9C-40F4-BB37-81BCF3486190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395526" y="1395087"/>
            <a:ext cx="8352948" cy="4067826"/>
          </a:xfrm>
          <a:prstGeom prst="rect">
            <a:avLst/>
          </a:prstGeom>
        </p:spPr>
      </p:pic>
      <p:sp>
        <p:nvSpPr>
          <p:cNvPr id="9" name="Fußzeilenplatzhalter 4">
            <a:extLst>
              <a:ext uri="{FF2B5EF4-FFF2-40B4-BE49-F238E27FC236}">
                <a16:creationId xmlns:a16="http://schemas.microsoft.com/office/drawing/2014/main" id="{89C9A518-E540-4F79-9DF9-9A86D24108A8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7107283"/>
      </p:ext>
    </p:extLst>
  </p:cSld>
  <p:clrMapOvr>
    <a:masterClrMapping/>
  </p:clrMapOvr>
  <p:transition spd="med">
    <p:pull/>
  </p:transition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Sofort Dekon – Dekon Stufe 1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40" name="Bildplatzhalter 4" descr="Ein Bild, das Insekt enthält.&#10;&#10;Automatisch generierte Beschreibung">
            <a:extLst>
              <a:ext uri="{FF2B5EF4-FFF2-40B4-BE49-F238E27FC236}">
                <a16:creationId xmlns:a16="http://schemas.microsoft.com/office/drawing/2014/main" id="{6D9B9F51-9715-4EDE-90ED-C90D1AB3EE19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34869" b="53495" l="43600" r="69829">
                        <a14:foregroundMark x1="68857" y1="48081" x2="68857" y2="48081"/>
                        <a14:foregroundMark x1="69829" y1="48970" x2="69829" y2="48970"/>
                        <a14:foregroundMark x1="48171" y1="50586" x2="48171" y2="50586"/>
                        <a14:foregroundMark x1="46686" y1="48808" x2="46686" y2="48808"/>
                        <a14:foregroundMark x1="46457" y1="48444" x2="46457" y2="48444"/>
                        <a14:foregroundMark x1="46457" y1="46949" x2="46457" y2="46949"/>
                        <a14:foregroundMark x1="45429" y1="46141" x2="45429" y2="46141"/>
                        <a14:foregroundMark x1="45029" y1="45051" x2="45029" y2="45051"/>
                        <a14:foregroundMark x1="48457" y1="51960" x2="48457" y2="51960"/>
                        <a14:foregroundMark x1="49486" y1="53091" x2="49486" y2="53091"/>
                        <a14:foregroundMark x1="55257" y1="51152" x2="55257" y2="51152"/>
                        <a14:foregroundMark x1="48343" y1="52283" x2="48343" y2="52283"/>
                        <a14:foregroundMark x1="48171" y1="51475" x2="48171" y2="51475"/>
                        <a14:foregroundMark x1="47600" y1="51596" x2="47600" y2="51596"/>
                        <a14:foregroundMark x1="46457" y1="48808" x2="46457" y2="48808"/>
                        <a14:foregroundMark x1="46171" y1="46747" x2="46171" y2="46747"/>
                        <a14:foregroundMark x1="45771" y1="46586" x2="45771" y2="46586"/>
                        <a14:foregroundMark x1="45029" y1="46303" x2="45029" y2="46303"/>
                        <a14:foregroundMark x1="44914" y1="45657" x2="44914" y2="45657"/>
                        <a14:foregroundMark x1="44400" y1="44000" x2="44400" y2="44000"/>
                        <a14:foregroundMark x1="44400" y1="42990" x2="44400" y2="42990"/>
                        <a14:foregroundMark x1="44400" y1="42545" x2="44514" y2="42182"/>
                        <a14:foregroundMark x1="44629" y1="41737" x2="44629" y2="41737"/>
                        <a14:foregroundMark x1="44686" y1="41131" x2="44800" y2="40929"/>
                        <a14:foregroundMark x1="45029" y1="40566" x2="45143" y2="40323"/>
                        <a14:foregroundMark x1="45543" y1="39960" x2="45657" y2="39758"/>
                        <a14:foregroundMark x1="46057" y1="39515" x2="46057" y2="39515"/>
                        <a14:foregroundMark x1="46457" y1="39232" x2="46457" y2="39232"/>
                        <a14:foregroundMark x1="47429" y1="38788" x2="47429" y2="38788"/>
                        <a14:foregroundMark x1="47714" y1="38505" x2="47714" y2="38505"/>
                        <a14:foregroundMark x1="48057" y1="37899" x2="48057" y2="37899"/>
                        <a14:foregroundMark x1="48343" y1="36808" x2="48343" y2="36525"/>
                        <a14:foregroundMark x1="48457" y1="36000" x2="48457" y2="36000"/>
                        <a14:foregroundMark x1="48857" y1="35636" x2="48857" y2="35636"/>
                        <a14:foregroundMark x1="50343" y1="35111" x2="50343" y2="35111"/>
                        <a14:foregroundMark x1="50971" y1="35313" x2="50971" y2="35313"/>
                        <a14:foregroundMark x1="51086" y1="35556" x2="51086" y2="35556"/>
                        <a14:foregroundMark x1="48743" y1="36121" x2="48743" y2="36121"/>
                        <a14:foregroundMark x1="48171" y1="36444" x2="47714" y2="36566"/>
                        <a14:foregroundMark x1="46971" y1="37091" x2="46686" y2="37333"/>
                        <a14:foregroundMark x1="44686" y1="41818" x2="44686" y2="41818"/>
                        <a14:foregroundMark x1="44629" y1="41576" x2="44629" y2="41576"/>
                        <a14:foregroundMark x1="44629" y1="40848" x2="44629" y2="40848"/>
                        <a14:foregroundMark x1="44800" y1="40202" x2="44800" y2="40202"/>
                        <a14:foregroundMark x1="45829" y1="39838" x2="45829" y2="39838"/>
                        <a14:foregroundMark x1="51086" y1="35758" x2="51086" y2="35758"/>
                        <a14:foregroundMark x1="51714" y1="35273" x2="51714" y2="35273"/>
                        <a14:foregroundMark x1="51257" y1="35030" x2="51257" y2="35030"/>
                        <a14:foregroundMark x1="51714" y1="35475" x2="51714" y2="35475"/>
                        <a14:foregroundMark x1="51714" y1="35192" x2="51714" y2="35192"/>
                        <a14:foregroundMark x1="51143" y1="34869" x2="51143" y2="34869"/>
                        <a14:foregroundMark x1="50971" y1="35636" x2="50971" y2="35636"/>
                        <a14:foregroundMark x1="50514" y1="35717" x2="50514" y2="35717"/>
                        <a14:foregroundMark x1="50229" y1="35717" x2="50229" y2="35717"/>
                        <a14:foregroundMark x1="50857" y1="35475" x2="50857" y2="35475"/>
                        <a14:foregroundMark x1="47943" y1="49253" x2="47943" y2="49253"/>
                        <a14:foregroundMark x1="49200" y1="48646" x2="49200" y2="48646"/>
                        <a14:foregroundMark x1="51771" y1="48889" x2="51771" y2="48889"/>
                        <a14:foregroundMark x1="48686" y1="48444" x2="48686" y2="48444"/>
                        <a14:foregroundMark x1="45657" y1="47192" x2="45657" y2="47192"/>
                        <a14:foregroundMark x1="46800" y1="49697" x2="46800" y2="49697"/>
                        <a14:foregroundMark x1="49314" y1="50343" x2="49314" y2="50343"/>
                        <a14:foregroundMark x1="49200" y1="51758" x2="49200" y2="51758"/>
                        <a14:foregroundMark x1="49486" y1="50869" x2="49486" y2="50869"/>
                        <a14:foregroundMark x1="52514" y1="49414" x2="52514" y2="49414"/>
                        <a14:foregroundMark x1="49371" y1="52646" x2="49371" y2="52646"/>
                        <a14:foregroundMark x1="48229" y1="51152" x2="48229" y2="51152"/>
                        <a14:foregroundMark x1="46971" y1="50949" x2="46971" y2="50949"/>
                        <a14:foregroundMark x1="47200" y1="49980" x2="47200" y2="49980"/>
                        <a14:foregroundMark x1="53029" y1="48444" x2="53029" y2="48444"/>
                        <a14:foregroundMark x1="53771" y1="50263" x2="53771" y2="50263"/>
                        <a14:foregroundMark x1="51257" y1="49697" x2="51257" y2="49697"/>
                        <a14:foregroundMark x1="51143" y1="48364" x2="51143" y2="48364"/>
                        <a14:foregroundMark x1="48686" y1="52768" x2="48686" y2="52768"/>
                        <a14:foregroundMark x1="49200" y1="53293" x2="49200" y2="5329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 l="40549" t="33025" r="28738" b="44146"/>
          <a:stretch/>
        </p:blipFill>
        <p:spPr>
          <a:xfrm rot="16200000">
            <a:off x="2571581" y="19662"/>
            <a:ext cx="616390" cy="648000"/>
          </a:xfrm>
          <a:prstGeom prst="rect">
            <a:avLst/>
          </a:prstGeom>
        </p:spPr>
      </p:pic>
      <p:grpSp>
        <p:nvGrpSpPr>
          <p:cNvPr id="39" name="Gruppieren 38">
            <a:extLst>
              <a:ext uri="{FF2B5EF4-FFF2-40B4-BE49-F238E27FC236}">
                <a16:creationId xmlns:a16="http://schemas.microsoft.com/office/drawing/2014/main" id="{758612BB-91C1-44D2-8484-55C85B51DB4D}"/>
              </a:ext>
            </a:extLst>
          </p:cNvPr>
          <p:cNvGrpSpPr/>
          <p:nvPr/>
        </p:nvGrpSpPr>
        <p:grpSpPr>
          <a:xfrm>
            <a:off x="226805" y="1752452"/>
            <a:ext cx="6840760" cy="4168080"/>
            <a:chOff x="200512" y="2096003"/>
            <a:chExt cx="6840760" cy="4168080"/>
          </a:xfrm>
        </p:grpSpPr>
        <p:sp>
          <p:nvSpPr>
            <p:cNvPr id="41" name="Ellipse 40">
              <a:extLst>
                <a:ext uri="{FF2B5EF4-FFF2-40B4-BE49-F238E27FC236}">
                  <a16:creationId xmlns:a16="http://schemas.microsoft.com/office/drawing/2014/main" id="{704EF2FE-3F51-4F85-A3BF-04AB79C7D043}"/>
                </a:ext>
              </a:extLst>
            </p:cNvPr>
            <p:cNvSpPr/>
            <p:nvPr/>
          </p:nvSpPr>
          <p:spPr bwMode="auto">
            <a:xfrm>
              <a:off x="200512" y="2096003"/>
              <a:ext cx="6840760" cy="4168080"/>
            </a:xfrm>
            <a:prstGeom prst="ellipse">
              <a:avLst/>
            </a:prstGeom>
            <a:solidFill>
              <a:srgbClr val="00B050"/>
            </a:solidFill>
            <a:ln w="9525" cap="flat" cmpd="sng" algn="ctr">
              <a:solidFill>
                <a:srgbClr val="00B050"/>
              </a:solidFill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endParaRPr lang="de-DE">
                <a:solidFill>
                  <a:srgbClr val="000000"/>
                </a:solidFill>
              </a:endParaRPr>
            </a:p>
          </p:txBody>
        </p:sp>
        <p:sp>
          <p:nvSpPr>
            <p:cNvPr id="42" name="Textfeld 41">
              <a:extLst>
                <a:ext uri="{FF2B5EF4-FFF2-40B4-BE49-F238E27FC236}">
                  <a16:creationId xmlns:a16="http://schemas.microsoft.com/office/drawing/2014/main" id="{6D87EBF0-23C0-4B33-B825-1D38F5EEAFB8}"/>
                </a:ext>
              </a:extLst>
            </p:cNvPr>
            <p:cNvSpPr txBox="1"/>
            <p:nvPr/>
          </p:nvSpPr>
          <p:spPr>
            <a:xfrm>
              <a:off x="2944920" y="2445160"/>
              <a:ext cx="1699504" cy="33855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de-DE" sz="1600" b="1" dirty="0"/>
                <a:t>Absperrbereich</a:t>
              </a:r>
            </a:p>
          </p:txBody>
        </p:sp>
      </p:grpSp>
      <p:sp>
        <p:nvSpPr>
          <p:cNvPr id="43" name="Titel 10">
            <a:extLst>
              <a:ext uri="{FF2B5EF4-FFF2-40B4-BE49-F238E27FC236}">
                <a16:creationId xmlns:a16="http://schemas.microsoft.com/office/drawing/2014/main" id="{3309AE1C-6FF2-4D15-B9AF-2172E029C8AC}"/>
              </a:ext>
            </a:extLst>
          </p:cNvPr>
          <p:cNvSpPr txBox="1">
            <a:spLocks/>
          </p:cNvSpPr>
          <p:nvPr/>
        </p:nvSpPr>
        <p:spPr bwMode="auto">
          <a:xfrm>
            <a:off x="26293" y="983149"/>
            <a:ext cx="5508104" cy="46786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l" rtl="0" eaLnBrk="1" fontAlgn="base" hangingPunct="1">
              <a:spcBef>
                <a:spcPct val="0"/>
              </a:spcBef>
              <a:spcAft>
                <a:spcPct val="0"/>
              </a:spcAft>
              <a:defRPr b="1" kern="1200">
                <a:solidFill>
                  <a:schemeClr val="bg1"/>
                </a:solidFill>
                <a:latin typeface="+mj-lt"/>
                <a:ea typeface="+mj-ea"/>
                <a:cs typeface="+mj-cs"/>
              </a:defRPr>
            </a:lvl1pPr>
            <a:lvl2pPr algn="l" rtl="0" eaLnBrk="1" fontAlgn="base" hangingPunct="1">
              <a:spcBef>
                <a:spcPct val="0"/>
              </a:spcBef>
              <a:spcAft>
                <a:spcPct val="0"/>
              </a:spcAft>
              <a:defRPr b="1">
                <a:solidFill>
                  <a:schemeClr val="bg1"/>
                </a:solidFill>
                <a:latin typeface="Arial" panose="020B0604020202020204" pitchFamily="34" charset="0"/>
              </a:defRPr>
            </a:lvl2pPr>
            <a:lvl3pPr algn="l" rtl="0" eaLnBrk="1" fontAlgn="base" hangingPunct="1">
              <a:spcBef>
                <a:spcPct val="0"/>
              </a:spcBef>
              <a:spcAft>
                <a:spcPct val="0"/>
              </a:spcAft>
              <a:defRPr b="1">
                <a:solidFill>
                  <a:schemeClr val="bg1"/>
                </a:solidFill>
                <a:latin typeface="Arial" panose="020B0604020202020204" pitchFamily="34" charset="0"/>
              </a:defRPr>
            </a:lvl3pPr>
            <a:lvl4pPr algn="l" rtl="0" eaLnBrk="1" fontAlgn="base" hangingPunct="1">
              <a:spcBef>
                <a:spcPct val="0"/>
              </a:spcBef>
              <a:spcAft>
                <a:spcPct val="0"/>
              </a:spcAft>
              <a:defRPr b="1">
                <a:solidFill>
                  <a:schemeClr val="bg1"/>
                </a:solidFill>
                <a:latin typeface="Arial" panose="020B0604020202020204" pitchFamily="34" charset="0"/>
              </a:defRPr>
            </a:lvl4pPr>
            <a:lvl5pPr algn="l" rtl="0" eaLnBrk="1" fontAlgn="base" hangingPunct="1">
              <a:spcBef>
                <a:spcPct val="0"/>
              </a:spcBef>
              <a:spcAft>
                <a:spcPct val="0"/>
              </a:spcAft>
              <a:defRPr b="1">
                <a:solidFill>
                  <a:schemeClr val="bg1"/>
                </a:solidFill>
                <a:latin typeface="Arial" panose="020B0604020202020204" pitchFamily="34" charset="0"/>
              </a:defRPr>
            </a:lvl5pPr>
            <a:lvl6pPr marL="457200" algn="l" rtl="0" eaLnBrk="1" fontAlgn="base" hangingPunct="1">
              <a:spcBef>
                <a:spcPct val="0"/>
              </a:spcBef>
              <a:spcAft>
                <a:spcPct val="0"/>
              </a:spcAft>
              <a:defRPr b="1">
                <a:solidFill>
                  <a:schemeClr val="bg1"/>
                </a:solidFill>
                <a:latin typeface="Arial" panose="020B0604020202020204" pitchFamily="34" charset="0"/>
              </a:defRPr>
            </a:lvl6pPr>
            <a:lvl7pPr marL="914400" algn="l" rtl="0" eaLnBrk="1" fontAlgn="base" hangingPunct="1">
              <a:spcBef>
                <a:spcPct val="0"/>
              </a:spcBef>
              <a:spcAft>
                <a:spcPct val="0"/>
              </a:spcAft>
              <a:defRPr b="1">
                <a:solidFill>
                  <a:schemeClr val="bg1"/>
                </a:solidFill>
                <a:latin typeface="Arial" panose="020B0604020202020204" pitchFamily="34" charset="0"/>
              </a:defRPr>
            </a:lvl7pPr>
            <a:lvl8pPr marL="1371600" algn="l" rtl="0" eaLnBrk="1" fontAlgn="base" hangingPunct="1">
              <a:spcBef>
                <a:spcPct val="0"/>
              </a:spcBef>
              <a:spcAft>
                <a:spcPct val="0"/>
              </a:spcAft>
              <a:defRPr b="1">
                <a:solidFill>
                  <a:schemeClr val="bg1"/>
                </a:solidFill>
                <a:latin typeface="Arial" panose="020B0604020202020204" pitchFamily="34" charset="0"/>
              </a:defRPr>
            </a:lvl8pPr>
            <a:lvl9pPr marL="1828800" algn="l" rtl="0" eaLnBrk="1" fontAlgn="base" hangingPunct="1">
              <a:spcBef>
                <a:spcPct val="0"/>
              </a:spcBef>
              <a:spcAft>
                <a:spcPct val="0"/>
              </a:spcAft>
              <a:defRPr b="1">
                <a:solidFill>
                  <a:schemeClr val="bg1"/>
                </a:solidFill>
                <a:latin typeface="Arial" panose="020B0604020202020204" pitchFamily="34" charset="0"/>
              </a:defRPr>
            </a:lvl9pPr>
          </a:lstStyle>
          <a:p>
            <a:r>
              <a:rPr lang="de-DE" dirty="0">
                <a:solidFill>
                  <a:srgbClr val="002060"/>
                </a:solidFill>
                <a:cs typeface="Arial" panose="020B0604020202020204" pitchFamily="34" charset="0"/>
              </a:rPr>
              <a:t>Dekon- Stufe </a:t>
            </a:r>
            <a:r>
              <a:rPr lang="de-DE" dirty="0">
                <a:solidFill>
                  <a:srgbClr val="FF0000"/>
                </a:solidFill>
                <a:cs typeface="Arial" panose="020B0604020202020204" pitchFamily="34" charset="0"/>
              </a:rPr>
              <a:t>1</a:t>
            </a:r>
            <a:r>
              <a:rPr lang="de-DE" dirty="0">
                <a:solidFill>
                  <a:srgbClr val="002060"/>
                </a:solidFill>
                <a:cs typeface="Arial" panose="020B0604020202020204" pitchFamily="34" charset="0"/>
              </a:rPr>
              <a:t>: Sofort Dekontamination</a:t>
            </a:r>
          </a:p>
        </p:txBody>
      </p:sp>
      <p:pic>
        <p:nvPicPr>
          <p:cNvPr id="46" name="Grafik 45">
            <a:extLst>
              <a:ext uri="{FF2B5EF4-FFF2-40B4-BE49-F238E27FC236}">
                <a16:creationId xmlns:a16="http://schemas.microsoft.com/office/drawing/2014/main" id="{AF16DBB6-2F78-4ABC-A4E0-4B260B8FE9DA}"/>
              </a:ext>
            </a:extLst>
          </p:cNvPr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rot="16200000">
            <a:off x="6057531" y="1076310"/>
            <a:ext cx="1020507" cy="1209116"/>
          </a:xfrm>
          <a:prstGeom prst="rect">
            <a:avLst/>
          </a:prstGeom>
        </p:spPr>
      </p:pic>
      <p:grpSp>
        <p:nvGrpSpPr>
          <p:cNvPr id="47" name="Gruppieren 46">
            <a:extLst>
              <a:ext uri="{FF2B5EF4-FFF2-40B4-BE49-F238E27FC236}">
                <a16:creationId xmlns:a16="http://schemas.microsoft.com/office/drawing/2014/main" id="{2C8D5960-916E-4A9F-92B1-EE7211C6DBB2}"/>
              </a:ext>
            </a:extLst>
          </p:cNvPr>
          <p:cNvGrpSpPr/>
          <p:nvPr/>
        </p:nvGrpSpPr>
        <p:grpSpPr>
          <a:xfrm>
            <a:off x="8054051" y="1190495"/>
            <a:ext cx="1009499" cy="700853"/>
            <a:chOff x="8150772" y="3318929"/>
            <a:chExt cx="1009499" cy="700853"/>
          </a:xfrm>
        </p:grpSpPr>
        <p:grpSp>
          <p:nvGrpSpPr>
            <p:cNvPr id="48" name="Gruppieren 47">
              <a:extLst>
                <a:ext uri="{FF2B5EF4-FFF2-40B4-BE49-F238E27FC236}">
                  <a16:creationId xmlns:a16="http://schemas.microsoft.com/office/drawing/2014/main" id="{5F823DA0-11AE-43C3-ABA6-1C011E77D523}"/>
                </a:ext>
              </a:extLst>
            </p:cNvPr>
            <p:cNvGrpSpPr/>
            <p:nvPr/>
          </p:nvGrpSpPr>
          <p:grpSpPr>
            <a:xfrm>
              <a:off x="8150772" y="3457338"/>
              <a:ext cx="1009499" cy="562444"/>
              <a:chOff x="2229103" y="2665427"/>
              <a:chExt cx="1009499" cy="562444"/>
            </a:xfrm>
          </p:grpSpPr>
          <p:sp>
            <p:nvSpPr>
              <p:cNvPr id="52" name="Rechteck 51">
                <a:extLst>
                  <a:ext uri="{FF2B5EF4-FFF2-40B4-BE49-F238E27FC236}">
                    <a16:creationId xmlns:a16="http://schemas.microsoft.com/office/drawing/2014/main" id="{25811E6C-81E6-4C28-A08D-CD578104FC8C}"/>
                  </a:ext>
                </a:extLst>
              </p:cNvPr>
              <p:cNvSpPr/>
              <p:nvPr/>
            </p:nvSpPr>
            <p:spPr>
              <a:xfrm>
                <a:off x="2229103" y="2665427"/>
                <a:ext cx="1008112" cy="562444"/>
              </a:xfrm>
              <a:prstGeom prst="rect">
                <a:avLst/>
              </a:prstGeom>
              <a:solidFill>
                <a:srgbClr val="FF0000"/>
              </a:solidFill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de-DE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  <p:cxnSp>
            <p:nvCxnSpPr>
              <p:cNvPr id="53" name="Gerade Verbindung 192">
                <a:extLst>
                  <a:ext uri="{FF2B5EF4-FFF2-40B4-BE49-F238E27FC236}">
                    <a16:creationId xmlns:a16="http://schemas.microsoft.com/office/drawing/2014/main" id="{0B7643F7-74A1-4DDB-BC46-7B8209BCAD2E}"/>
                  </a:ext>
                </a:extLst>
              </p:cNvPr>
              <p:cNvCxnSpPr/>
              <p:nvPr/>
            </p:nvCxnSpPr>
            <p:spPr>
              <a:xfrm>
                <a:off x="2229103" y="2943571"/>
                <a:ext cx="1008112" cy="0"/>
              </a:xfrm>
              <a:prstGeom prst="lin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</p:cxnSp>
          <p:sp>
            <p:nvSpPr>
              <p:cNvPr id="54" name="Gleichschenkliges Dreieck 53">
                <a:extLst>
                  <a:ext uri="{FF2B5EF4-FFF2-40B4-BE49-F238E27FC236}">
                    <a16:creationId xmlns:a16="http://schemas.microsoft.com/office/drawing/2014/main" id="{B240C358-AF49-439D-B923-2585FA424FEC}"/>
                  </a:ext>
                </a:extLst>
              </p:cNvPr>
              <p:cNvSpPr/>
              <p:nvPr/>
            </p:nvSpPr>
            <p:spPr>
              <a:xfrm rot="16200000">
                <a:off x="2758684" y="2746266"/>
                <a:ext cx="560758" cy="399079"/>
              </a:xfrm>
              <a:prstGeom prst="triangl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marL="0" marR="0" lvl="0" indent="0" algn="ctr" defTabSz="91440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de-DE" sz="1800" b="0" i="0" u="none" strike="noStrike" kern="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/>
                  <a:ea typeface="+mn-ea"/>
                  <a:cs typeface="+mn-cs"/>
                </a:endParaRPr>
              </a:p>
            </p:txBody>
          </p:sp>
        </p:grpSp>
        <p:grpSp>
          <p:nvGrpSpPr>
            <p:cNvPr id="49" name="Gruppieren 48">
              <a:extLst>
                <a:ext uri="{FF2B5EF4-FFF2-40B4-BE49-F238E27FC236}">
                  <a16:creationId xmlns:a16="http://schemas.microsoft.com/office/drawing/2014/main" id="{D47F0133-9EAF-44F3-90FD-DE556F7F76FB}"/>
                </a:ext>
              </a:extLst>
            </p:cNvPr>
            <p:cNvGrpSpPr/>
            <p:nvPr/>
          </p:nvGrpSpPr>
          <p:grpSpPr>
            <a:xfrm>
              <a:off x="8561099" y="3318929"/>
              <a:ext cx="221644" cy="86400"/>
              <a:chOff x="8443328" y="2862811"/>
              <a:chExt cx="221644" cy="86400"/>
            </a:xfrm>
          </p:grpSpPr>
          <p:sp>
            <p:nvSpPr>
              <p:cNvPr id="50" name="Ellipse 25">
                <a:extLst>
                  <a:ext uri="{FF2B5EF4-FFF2-40B4-BE49-F238E27FC236}">
                    <a16:creationId xmlns:a16="http://schemas.microsoft.com/office/drawing/2014/main" id="{35673B66-5ABE-4E1C-BAC8-49336FA3A45E}"/>
                  </a:ext>
                </a:extLst>
              </p:cNvPr>
              <p:cNvSpPr/>
              <p:nvPr/>
            </p:nvSpPr>
            <p:spPr>
              <a:xfrm>
                <a:off x="8578181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51" name="Ellipse 25">
                <a:extLst>
                  <a:ext uri="{FF2B5EF4-FFF2-40B4-BE49-F238E27FC236}">
                    <a16:creationId xmlns:a16="http://schemas.microsoft.com/office/drawing/2014/main" id="{C1F13D56-F1E2-4AFD-971B-4B134EDA796F}"/>
                  </a:ext>
                </a:extLst>
              </p:cNvPr>
              <p:cNvSpPr/>
              <p:nvPr/>
            </p:nvSpPr>
            <p:spPr>
              <a:xfrm>
                <a:off x="8443328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grpSp>
        <p:nvGrpSpPr>
          <p:cNvPr id="55" name="Gruppieren 54">
            <a:extLst>
              <a:ext uri="{FF2B5EF4-FFF2-40B4-BE49-F238E27FC236}">
                <a16:creationId xmlns:a16="http://schemas.microsoft.com/office/drawing/2014/main" id="{A931B4F5-7D04-4AB7-A610-FD02AB7192C8}"/>
              </a:ext>
            </a:extLst>
          </p:cNvPr>
          <p:cNvGrpSpPr/>
          <p:nvPr/>
        </p:nvGrpSpPr>
        <p:grpSpPr>
          <a:xfrm>
            <a:off x="1933997" y="2941433"/>
            <a:ext cx="2749878" cy="1680100"/>
            <a:chOff x="1907704" y="3284984"/>
            <a:chExt cx="2749878" cy="1680100"/>
          </a:xfrm>
        </p:grpSpPr>
        <p:sp>
          <p:nvSpPr>
            <p:cNvPr id="56" name="Ellipse 55">
              <a:extLst>
                <a:ext uri="{FF2B5EF4-FFF2-40B4-BE49-F238E27FC236}">
                  <a16:creationId xmlns:a16="http://schemas.microsoft.com/office/drawing/2014/main" id="{3017EDAD-A7C5-42BF-ACD2-CCAB10FB2EB8}"/>
                </a:ext>
              </a:extLst>
            </p:cNvPr>
            <p:cNvSpPr/>
            <p:nvPr/>
          </p:nvSpPr>
          <p:spPr bwMode="auto">
            <a:xfrm>
              <a:off x="1907704" y="3284984"/>
              <a:ext cx="2749878" cy="1680100"/>
            </a:xfrm>
            <a:prstGeom prst="ellipse">
              <a:avLst/>
            </a:prstGeom>
            <a:solidFill>
              <a:srgbClr val="FF0000"/>
            </a:solidFill>
            <a:ln w="9525" cap="flat" cmpd="sng" algn="ctr">
              <a:solidFill>
                <a:srgbClr val="FF0000"/>
              </a:solidFill>
              <a:prstDash val="solid"/>
              <a:miter lim="800000"/>
              <a:headEnd type="none" w="med" len="med"/>
              <a:tailEnd type="none" w="med" len="med"/>
            </a:ln>
            <a:effectLst/>
          </p:spPr>
          <p:txBody>
            <a:bodyPr vert="horz" wrap="none" lIns="91440" tIns="45720" rIns="91440" bIns="45720" numCol="1" rtlCol="0" anchor="t" anchorCtr="0" compatLnSpc="1">
              <a:prstTxWarp prst="textNoShape">
                <a:avLst/>
              </a:prstTxWarp>
            </a:bodyPr>
            <a:lstStyle/>
            <a:p>
              <a:endParaRPr lang="de-DE">
                <a:solidFill>
                  <a:srgbClr val="000000"/>
                </a:solidFill>
              </a:endParaRPr>
            </a:p>
          </p:txBody>
        </p:sp>
        <p:sp>
          <p:nvSpPr>
            <p:cNvPr id="57" name="Textfeld 56">
              <a:extLst>
                <a:ext uri="{FF2B5EF4-FFF2-40B4-BE49-F238E27FC236}">
                  <a16:creationId xmlns:a16="http://schemas.microsoft.com/office/drawing/2014/main" id="{86048BAA-3AF7-4823-9C1E-7AD7A30CF530}"/>
                </a:ext>
              </a:extLst>
            </p:cNvPr>
            <p:cNvSpPr txBox="1"/>
            <p:nvPr/>
          </p:nvSpPr>
          <p:spPr>
            <a:xfrm>
              <a:off x="2365656" y="3528509"/>
              <a:ext cx="1814920" cy="33855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de-DE" sz="1600" b="1" dirty="0">
                  <a:solidFill>
                    <a:schemeClr val="bg1"/>
                  </a:solidFill>
                </a:rPr>
                <a:t>Gefahrenbereich</a:t>
              </a:r>
            </a:p>
          </p:txBody>
        </p:sp>
      </p:grpSp>
      <p:pic>
        <p:nvPicPr>
          <p:cNvPr id="58" name="Grafik 57">
            <a:extLst>
              <a:ext uri="{FF2B5EF4-FFF2-40B4-BE49-F238E27FC236}">
                <a16:creationId xmlns:a16="http://schemas.microsoft.com/office/drawing/2014/main" id="{2AB4BF87-1246-4112-A77F-620E362F6545}"/>
              </a:ext>
            </a:extLst>
          </p:cNvPr>
          <p:cNvPicPr>
            <a:picLocks noChangeAspect="1"/>
          </p:cNvPicPr>
          <p:nvPr/>
        </p:nvPicPr>
        <p:blipFill>
          <a:blip r:embed="rId7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 rot="19415993">
            <a:off x="4237379" y="4344652"/>
            <a:ext cx="442517" cy="248319"/>
          </a:xfrm>
          <a:prstGeom prst="rect">
            <a:avLst/>
          </a:prstGeom>
        </p:spPr>
      </p:pic>
      <p:pic>
        <p:nvPicPr>
          <p:cNvPr id="59" name="Picture 2">
            <a:extLst>
              <a:ext uri="{FF2B5EF4-FFF2-40B4-BE49-F238E27FC236}">
                <a16:creationId xmlns:a16="http://schemas.microsoft.com/office/drawing/2014/main" id="{9CCB5ADB-3EF3-4338-834A-A281C7D6D8F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 rot="2427895">
            <a:off x="4048876" y="3235946"/>
            <a:ext cx="429203" cy="21703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60" name="Grafik 59">
            <a:extLst>
              <a:ext uri="{FF2B5EF4-FFF2-40B4-BE49-F238E27FC236}">
                <a16:creationId xmlns:a16="http://schemas.microsoft.com/office/drawing/2014/main" id="{B71FAC13-98AB-489F-A969-84FCAF816CE0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942109" y="2679428"/>
            <a:ext cx="360040" cy="303213"/>
          </a:xfrm>
          <a:prstGeom prst="rect">
            <a:avLst/>
          </a:prstGeom>
        </p:spPr>
      </p:pic>
      <p:pic>
        <p:nvPicPr>
          <p:cNvPr id="61" name="Grafik 60">
            <a:extLst>
              <a:ext uri="{FF2B5EF4-FFF2-40B4-BE49-F238E27FC236}">
                <a16:creationId xmlns:a16="http://schemas.microsoft.com/office/drawing/2014/main" id="{0B4A9E04-C672-4866-950B-3A0BF4DB186F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294037" y="4237577"/>
            <a:ext cx="360040" cy="303213"/>
          </a:xfrm>
          <a:prstGeom prst="rect">
            <a:avLst/>
          </a:prstGeom>
        </p:spPr>
      </p:pic>
      <p:pic>
        <p:nvPicPr>
          <p:cNvPr id="62" name="Grafik 61">
            <a:extLst>
              <a:ext uri="{FF2B5EF4-FFF2-40B4-BE49-F238E27FC236}">
                <a16:creationId xmlns:a16="http://schemas.microsoft.com/office/drawing/2014/main" id="{F5EB9BBA-FDF7-4FE8-AA15-9E098BF9268F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191679" y="2926871"/>
            <a:ext cx="360040" cy="303213"/>
          </a:xfrm>
          <a:prstGeom prst="rect">
            <a:avLst/>
          </a:prstGeom>
        </p:spPr>
      </p:pic>
      <p:pic>
        <p:nvPicPr>
          <p:cNvPr id="63" name="Grafik 62">
            <a:extLst>
              <a:ext uri="{FF2B5EF4-FFF2-40B4-BE49-F238E27FC236}">
                <a16:creationId xmlns:a16="http://schemas.microsoft.com/office/drawing/2014/main" id="{85791160-A60A-46BC-98E2-14706FF5556A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878213" y="2831828"/>
            <a:ext cx="360040" cy="303213"/>
          </a:xfrm>
          <a:prstGeom prst="rect">
            <a:avLst/>
          </a:prstGeom>
        </p:spPr>
      </p:pic>
      <p:pic>
        <p:nvPicPr>
          <p:cNvPr id="64" name="Grafik 63">
            <a:extLst>
              <a:ext uri="{FF2B5EF4-FFF2-40B4-BE49-F238E27FC236}">
                <a16:creationId xmlns:a16="http://schemas.microsoft.com/office/drawing/2014/main" id="{E3C8FB71-B0D5-4384-896F-1499BED8046D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717973" y="3537291"/>
            <a:ext cx="360040" cy="303213"/>
          </a:xfrm>
          <a:prstGeom prst="rect">
            <a:avLst/>
          </a:prstGeom>
        </p:spPr>
      </p:pic>
      <p:pic>
        <p:nvPicPr>
          <p:cNvPr id="65" name="Grafik 64">
            <a:extLst>
              <a:ext uri="{FF2B5EF4-FFF2-40B4-BE49-F238E27FC236}">
                <a16:creationId xmlns:a16="http://schemas.microsoft.com/office/drawing/2014/main" id="{524021FA-25D3-4CA0-8B1E-54898E021D17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249490" y="4389183"/>
            <a:ext cx="360040" cy="303213"/>
          </a:xfrm>
          <a:prstGeom prst="rect">
            <a:avLst/>
          </a:prstGeom>
        </p:spPr>
      </p:pic>
      <p:pic>
        <p:nvPicPr>
          <p:cNvPr id="66" name="Grafik 65">
            <a:extLst>
              <a:ext uri="{FF2B5EF4-FFF2-40B4-BE49-F238E27FC236}">
                <a16:creationId xmlns:a16="http://schemas.microsoft.com/office/drawing/2014/main" id="{7765338F-F344-41F5-95F0-D7C5371E715E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377396" y="3836492"/>
            <a:ext cx="360040" cy="303213"/>
          </a:xfrm>
          <a:prstGeom prst="rect">
            <a:avLst/>
          </a:prstGeom>
        </p:spPr>
      </p:pic>
      <p:grpSp>
        <p:nvGrpSpPr>
          <p:cNvPr id="67" name="Gruppieren 66">
            <a:extLst>
              <a:ext uri="{FF2B5EF4-FFF2-40B4-BE49-F238E27FC236}">
                <a16:creationId xmlns:a16="http://schemas.microsoft.com/office/drawing/2014/main" id="{A7B7797F-2582-450E-A93E-97B53B911CB5}"/>
              </a:ext>
            </a:extLst>
          </p:cNvPr>
          <p:cNvGrpSpPr/>
          <p:nvPr/>
        </p:nvGrpSpPr>
        <p:grpSpPr>
          <a:xfrm>
            <a:off x="4378228" y="2027171"/>
            <a:ext cx="520932" cy="1397063"/>
            <a:chOff x="4680460" y="2081635"/>
            <a:chExt cx="520932" cy="1397063"/>
          </a:xfrm>
        </p:grpSpPr>
        <p:grpSp>
          <p:nvGrpSpPr>
            <p:cNvPr id="68" name="Gruppieren 67">
              <a:extLst>
                <a:ext uri="{FF2B5EF4-FFF2-40B4-BE49-F238E27FC236}">
                  <a16:creationId xmlns:a16="http://schemas.microsoft.com/office/drawing/2014/main" id="{CB6CF11C-A041-45CF-ACC2-D95EE8CA4912}"/>
                </a:ext>
              </a:extLst>
            </p:cNvPr>
            <p:cNvGrpSpPr/>
            <p:nvPr/>
          </p:nvGrpSpPr>
          <p:grpSpPr>
            <a:xfrm rot="2396840">
              <a:off x="4680460" y="2492896"/>
              <a:ext cx="520932" cy="864096"/>
              <a:chOff x="4680460" y="2492896"/>
              <a:chExt cx="520932" cy="864096"/>
            </a:xfrm>
          </p:grpSpPr>
          <p:sp>
            <p:nvSpPr>
              <p:cNvPr id="70" name="Rechteck 69">
                <a:extLst>
                  <a:ext uri="{FF2B5EF4-FFF2-40B4-BE49-F238E27FC236}">
                    <a16:creationId xmlns:a16="http://schemas.microsoft.com/office/drawing/2014/main" id="{30F19979-3833-4607-BCA3-BA487DC31ABF}"/>
                  </a:ext>
                </a:extLst>
              </p:cNvPr>
              <p:cNvSpPr/>
              <p:nvPr/>
            </p:nvSpPr>
            <p:spPr bwMode="auto">
              <a:xfrm>
                <a:off x="4683875" y="2492896"/>
                <a:ext cx="517517" cy="864096"/>
              </a:xfrm>
              <a:prstGeom prst="rect">
                <a:avLst/>
              </a:prstGeom>
              <a:solidFill>
                <a:schemeClr val="bg1"/>
              </a:solidFill>
              <a:ln w="9525" cap="flat" cmpd="sng" algn="ctr">
                <a:solidFill>
                  <a:schemeClr val="tx1"/>
                </a:solidFill>
                <a:prstDash val="solid"/>
                <a:miter lim="800000"/>
                <a:headEnd type="none" w="med" len="med"/>
                <a:tailEnd type="none" w="med" len="med"/>
              </a:ln>
              <a:effectLst/>
            </p:spPr>
            <p:txBody>
              <a:bodyPr vert="horz" wrap="none" lIns="91440" tIns="45720" rIns="91440" bIns="45720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0" marR="0" indent="0" algn="l" defTabSz="914400" rtl="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de-DE" sz="2400" b="0" i="0" u="none" strike="noStrike" cap="none" normalizeH="0" baseline="0">
                  <a:ln>
                    <a:noFill/>
                  </a:ln>
                  <a:solidFill>
                    <a:schemeClr val="tx1"/>
                  </a:solidFill>
                  <a:effectLst/>
                  <a:latin typeface="Arial" panose="020B0604020202020204" pitchFamily="34" charset="0"/>
                </a:endParaRPr>
              </a:p>
            </p:txBody>
          </p:sp>
          <p:sp>
            <p:nvSpPr>
              <p:cNvPr id="71" name="Rechteck 70">
                <a:extLst>
                  <a:ext uri="{FF2B5EF4-FFF2-40B4-BE49-F238E27FC236}">
                    <a16:creationId xmlns:a16="http://schemas.microsoft.com/office/drawing/2014/main" id="{0E80CCEC-F6FB-4E59-A561-AF83A498833F}"/>
                  </a:ext>
                </a:extLst>
              </p:cNvPr>
              <p:cNvSpPr/>
              <p:nvPr/>
            </p:nvSpPr>
            <p:spPr bwMode="auto">
              <a:xfrm>
                <a:off x="4680460" y="2920372"/>
                <a:ext cx="520736" cy="432000"/>
              </a:xfrm>
              <a:prstGeom prst="rect">
                <a:avLst/>
              </a:prstGeom>
              <a:solidFill>
                <a:schemeClr val="tx1"/>
              </a:solidFill>
              <a:ln w="9525" cap="flat" cmpd="sng" algn="ctr">
                <a:noFill/>
                <a:prstDash val="solid"/>
                <a:miter lim="800000"/>
                <a:headEnd type="none" w="med" len="med"/>
                <a:tailEnd type="none" w="med" len="med"/>
              </a:ln>
              <a:effectLst/>
            </p:spPr>
            <p:txBody>
              <a:bodyPr vert="horz" wrap="none" lIns="91440" tIns="45720" rIns="91440" bIns="45720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0" marR="0" indent="0" algn="l" defTabSz="914400" rtl="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de-DE" sz="2400" b="0" i="0" u="none" strike="noStrike" cap="none" normalizeH="0" baseline="0">
                  <a:ln>
                    <a:noFill/>
                  </a:ln>
                  <a:solidFill>
                    <a:schemeClr val="tx1"/>
                  </a:solidFill>
                  <a:effectLst/>
                  <a:latin typeface="Arial" panose="020B0604020202020204" pitchFamily="34" charset="0"/>
                </a:endParaRPr>
              </a:p>
            </p:txBody>
          </p:sp>
        </p:grpSp>
        <p:sp>
          <p:nvSpPr>
            <p:cNvPr id="69" name="Textfeld 68">
              <a:extLst>
                <a:ext uri="{FF2B5EF4-FFF2-40B4-BE49-F238E27FC236}">
                  <a16:creationId xmlns:a16="http://schemas.microsoft.com/office/drawing/2014/main" id="{EF41108A-98C3-4164-A86C-CF99203AA229}"/>
                </a:ext>
              </a:extLst>
            </p:cNvPr>
            <p:cNvSpPr txBox="1"/>
            <p:nvPr/>
          </p:nvSpPr>
          <p:spPr>
            <a:xfrm rot="18547207">
              <a:off x="4348751" y="2657056"/>
              <a:ext cx="1397063" cy="24622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de-DE" sz="1000" b="1" dirty="0">
                  <a:highlight>
                    <a:srgbClr val="FFFF00"/>
                  </a:highlight>
                </a:rPr>
                <a:t>Dekon-Stufe 1</a:t>
              </a:r>
            </a:p>
          </p:txBody>
        </p:sp>
      </p:grpSp>
      <p:pic>
        <p:nvPicPr>
          <p:cNvPr id="72" name="Grafik 71">
            <a:extLst>
              <a:ext uri="{FF2B5EF4-FFF2-40B4-BE49-F238E27FC236}">
                <a16:creationId xmlns:a16="http://schemas.microsoft.com/office/drawing/2014/main" id="{E48174F7-BF47-44A1-BCA9-EEA7302E5B00}"/>
              </a:ext>
            </a:extLst>
          </p:cNvPr>
          <p:cNvPicPr>
            <a:picLocks noChangeAspect="1"/>
          </p:cNvPicPr>
          <p:nvPr/>
        </p:nvPicPr>
        <p:blipFill>
          <a:blip r:embed="rId9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390154" y="3170053"/>
            <a:ext cx="360040" cy="303213"/>
          </a:xfrm>
          <a:prstGeom prst="rect">
            <a:avLst/>
          </a:prstGeom>
        </p:spPr>
      </p:pic>
      <p:pic>
        <p:nvPicPr>
          <p:cNvPr id="73" name="Grafik 72">
            <a:extLst>
              <a:ext uri="{FF2B5EF4-FFF2-40B4-BE49-F238E27FC236}">
                <a16:creationId xmlns:a16="http://schemas.microsoft.com/office/drawing/2014/main" id="{40DEF576-73B0-466C-B8E2-FEEB0750E1E4}"/>
              </a:ext>
            </a:extLst>
          </p:cNvPr>
          <p:cNvPicPr>
            <a:picLocks noChangeAspect="1"/>
          </p:cNvPicPr>
          <p:nvPr/>
        </p:nvPicPr>
        <p:blipFill>
          <a:blip r:embed="rId10" cstate="screen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806663" y="3573429"/>
            <a:ext cx="1286401" cy="691666"/>
          </a:xfrm>
          <a:prstGeom prst="rect">
            <a:avLst/>
          </a:prstGeom>
        </p:spPr>
      </p:pic>
      <p:pic>
        <p:nvPicPr>
          <p:cNvPr id="74" name="Grafik 73">
            <a:extLst>
              <a:ext uri="{FF2B5EF4-FFF2-40B4-BE49-F238E27FC236}">
                <a16:creationId xmlns:a16="http://schemas.microsoft.com/office/drawing/2014/main" id="{9F5E1081-50B2-4BD2-BED2-70E6265346DA}"/>
              </a:ext>
            </a:extLst>
          </p:cNvPr>
          <p:cNvPicPr>
            <a:picLocks noChangeAspect="1"/>
          </p:cNvPicPr>
          <p:nvPr/>
        </p:nvPicPr>
        <p:blipFill>
          <a:blip r:embed="rId11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9720225" y="2691196"/>
            <a:ext cx="1090702" cy="394253"/>
          </a:xfrm>
          <a:prstGeom prst="rect">
            <a:avLst/>
          </a:prstGeom>
        </p:spPr>
      </p:pic>
      <p:sp>
        <p:nvSpPr>
          <p:cNvPr id="44" name="Fußzeilenplatzhalter 4">
            <a:extLst>
              <a:ext uri="{FF2B5EF4-FFF2-40B4-BE49-F238E27FC236}">
                <a16:creationId xmlns:a16="http://schemas.microsoft.com/office/drawing/2014/main" id="{01629102-B64E-4D14-B2FB-1522E5C57367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3383822"/>
      </p:ext>
    </p:extLst>
  </p:cSld>
  <p:clrMapOvr>
    <a:masterClrMapping/>
  </p:clrMapOvr>
  <p:transition spd="med" advTm="67756">
    <p:pull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37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Vertical)">
                                      <p:cBhvr>
                                        <p:cTn id="7" dur="7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750"/>
                            </p:stCondLst>
                            <p:childTnLst>
                              <p:par>
                                <p:cTn id="9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1" dur="75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" presetID="16" presetClass="entr" presetSubtype="37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Vertical)">
                                      <p:cBhvr>
                                        <p:cTn id="15" dur="75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250"/>
                            </p:stCondLst>
                            <p:childTnLst>
                              <p:par>
                                <p:cTn id="17" presetID="16" presetClass="entr" presetSubtype="37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Vertical)">
                                      <p:cBhvr>
                                        <p:cTn id="19" dur="750"/>
                                        <p:tgtEl>
                                          <p:spTgt spid="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3000"/>
                            </p:stCondLst>
                            <p:childTnLst>
                              <p:par>
                                <p:cTn id="21" presetID="16" presetClass="entr" presetSubtype="4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Horizontal)">
                                      <p:cBhvr>
                                        <p:cTn id="23" dur="75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.55556E-7 -4.81481E-6 L -0.49358 -0.00208 " pathEditMode="relative" rAng="0" ptsTypes="AA">
                                      <p:cBhvr>
                                        <p:cTn id="27" dur="2000" fill="hold"/>
                                        <p:tgtEl>
                                          <p:spTgt spid="7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4688" y="-11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25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2250"/>
                            </p:stCondLst>
                            <p:childTnLst>
                              <p:par>
                                <p:cTn id="3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5" dur="25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2500"/>
                            </p:stCondLst>
                            <p:childTnLst>
                              <p:par>
                                <p:cTn id="3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9" dur="25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2750"/>
                            </p:stCondLst>
                            <p:childTnLst>
                              <p:par>
                                <p:cTn id="41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3" dur="25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3000"/>
                            </p:stCondLst>
                            <p:childTnLst>
                              <p:par>
                                <p:cTn id="45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25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3250"/>
                            </p:stCondLst>
                            <p:childTnLst>
                              <p:par>
                                <p:cTn id="4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1" dur="25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2" fill="hold">
                            <p:stCondLst>
                              <p:cond delay="3500"/>
                            </p:stCondLst>
                            <p:childTnLst>
                              <p:par>
                                <p:cTn id="5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5" dur="25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3750"/>
                            </p:stCondLst>
                            <p:childTnLst>
                              <p:par>
                                <p:cTn id="57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59" dur="25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0" fill="hold">
                            <p:stCondLst>
                              <p:cond delay="4000"/>
                            </p:stCondLst>
                            <p:childTnLst>
                              <p:par>
                                <p:cTn id="61" presetID="2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63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68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9" fill="hold">
                            <p:stCondLst>
                              <p:cond delay="500"/>
                            </p:stCondLst>
                            <p:childTnLst>
                              <p:par>
                                <p:cTn id="70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Sofort Dekon – Dekon Stufe 1</a:t>
            </a:r>
          </a:p>
        </p:txBody>
      </p:sp>
      <p:pic>
        <p:nvPicPr>
          <p:cNvPr id="39" name="Grafik 38">
            <a:extLst>
              <a:ext uri="{FF2B5EF4-FFF2-40B4-BE49-F238E27FC236}">
                <a16:creationId xmlns:a16="http://schemas.microsoft.com/office/drawing/2014/main" id="{4B6E4999-2DE4-4664-9014-7BE79296E4A1}"/>
              </a:ext>
            </a:extLst>
          </p:cNvPr>
          <p:cNvPicPr>
            <a:picLocks noChangeAspect="1"/>
          </p:cNvPicPr>
          <p:nvPr/>
        </p:nvPicPr>
        <p:blipFill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53666" y="804175"/>
            <a:ext cx="7836668" cy="5249650"/>
          </a:xfrm>
          <a:prstGeom prst="rect">
            <a:avLst/>
          </a:prstGeom>
        </p:spPr>
      </p:pic>
      <p:pic>
        <p:nvPicPr>
          <p:cNvPr id="5" name="Bildplatzhalter 4" descr="Ein Bild, das Insekt enthält.&#10;&#10;Automatisch generierte Beschreibung">
            <a:extLst>
              <a:ext uri="{FF2B5EF4-FFF2-40B4-BE49-F238E27FC236}">
                <a16:creationId xmlns:a16="http://schemas.microsoft.com/office/drawing/2014/main" id="{6D9B9F51-9715-4EDE-90ED-C90D1AB3EE19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screen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4869" b="53495" l="43600" r="69829">
                        <a14:foregroundMark x1="68857" y1="48081" x2="68857" y2="48081"/>
                        <a14:foregroundMark x1="69829" y1="48970" x2="69829" y2="48970"/>
                        <a14:foregroundMark x1="48171" y1="50586" x2="48171" y2="50586"/>
                        <a14:foregroundMark x1="46686" y1="48808" x2="46686" y2="48808"/>
                        <a14:foregroundMark x1="46457" y1="48444" x2="46457" y2="48444"/>
                        <a14:foregroundMark x1="46457" y1="46949" x2="46457" y2="46949"/>
                        <a14:foregroundMark x1="45429" y1="46141" x2="45429" y2="46141"/>
                        <a14:foregroundMark x1="45029" y1="45051" x2="45029" y2="45051"/>
                        <a14:foregroundMark x1="48457" y1="51960" x2="48457" y2="51960"/>
                        <a14:foregroundMark x1="49486" y1="53091" x2="49486" y2="53091"/>
                        <a14:foregroundMark x1="55257" y1="51152" x2="55257" y2="51152"/>
                        <a14:foregroundMark x1="48343" y1="52283" x2="48343" y2="52283"/>
                        <a14:foregroundMark x1="48171" y1="51475" x2="48171" y2="51475"/>
                        <a14:foregroundMark x1="47600" y1="51596" x2="47600" y2="51596"/>
                        <a14:foregroundMark x1="46457" y1="48808" x2="46457" y2="48808"/>
                        <a14:foregroundMark x1="46171" y1="46747" x2="46171" y2="46747"/>
                        <a14:foregroundMark x1="45771" y1="46586" x2="45771" y2="46586"/>
                        <a14:foregroundMark x1="45029" y1="46303" x2="45029" y2="46303"/>
                        <a14:foregroundMark x1="44914" y1="45657" x2="44914" y2="45657"/>
                        <a14:foregroundMark x1="44400" y1="44000" x2="44400" y2="44000"/>
                        <a14:foregroundMark x1="44400" y1="42990" x2="44400" y2="42990"/>
                        <a14:foregroundMark x1="44400" y1="42545" x2="44514" y2="42182"/>
                        <a14:foregroundMark x1="44629" y1="41737" x2="44629" y2="41737"/>
                        <a14:foregroundMark x1="44686" y1="41131" x2="44800" y2="40929"/>
                        <a14:foregroundMark x1="45029" y1="40566" x2="45143" y2="40323"/>
                        <a14:foregroundMark x1="45543" y1="39960" x2="45657" y2="39758"/>
                        <a14:foregroundMark x1="46057" y1="39515" x2="46057" y2="39515"/>
                        <a14:foregroundMark x1="46457" y1="39232" x2="46457" y2="39232"/>
                        <a14:foregroundMark x1="47429" y1="38788" x2="47429" y2="38788"/>
                        <a14:foregroundMark x1="47714" y1="38505" x2="47714" y2="38505"/>
                        <a14:foregroundMark x1="48057" y1="37899" x2="48057" y2="37899"/>
                        <a14:foregroundMark x1="48343" y1="36808" x2="48343" y2="36525"/>
                        <a14:foregroundMark x1="48457" y1="36000" x2="48457" y2="36000"/>
                        <a14:foregroundMark x1="48857" y1="35636" x2="48857" y2="35636"/>
                        <a14:foregroundMark x1="50343" y1="35111" x2="50343" y2="35111"/>
                        <a14:foregroundMark x1="50971" y1="35313" x2="50971" y2="35313"/>
                        <a14:foregroundMark x1="51086" y1="35556" x2="51086" y2="35556"/>
                        <a14:foregroundMark x1="48743" y1="36121" x2="48743" y2="36121"/>
                        <a14:foregroundMark x1="48171" y1="36444" x2="47714" y2="36566"/>
                        <a14:foregroundMark x1="46971" y1="37091" x2="46686" y2="37333"/>
                        <a14:foregroundMark x1="44686" y1="41818" x2="44686" y2="41818"/>
                        <a14:foregroundMark x1="44629" y1="41576" x2="44629" y2="41576"/>
                        <a14:foregroundMark x1="44629" y1="40848" x2="44629" y2="40848"/>
                        <a14:foregroundMark x1="44800" y1="40202" x2="44800" y2="40202"/>
                        <a14:foregroundMark x1="45829" y1="39838" x2="45829" y2="39838"/>
                        <a14:foregroundMark x1="51086" y1="35758" x2="51086" y2="35758"/>
                        <a14:foregroundMark x1="51714" y1="35273" x2="51714" y2="35273"/>
                        <a14:foregroundMark x1="51257" y1="35030" x2="51257" y2="35030"/>
                        <a14:foregroundMark x1="51714" y1="35475" x2="51714" y2="35475"/>
                        <a14:foregroundMark x1="51714" y1="35192" x2="51714" y2="35192"/>
                        <a14:foregroundMark x1="51143" y1="34869" x2="51143" y2="34869"/>
                        <a14:foregroundMark x1="50971" y1="35636" x2="50971" y2="35636"/>
                        <a14:foregroundMark x1="50514" y1="35717" x2="50514" y2="35717"/>
                        <a14:foregroundMark x1="50229" y1="35717" x2="50229" y2="35717"/>
                        <a14:foregroundMark x1="50857" y1="35475" x2="50857" y2="35475"/>
                        <a14:foregroundMark x1="47943" y1="49253" x2="47943" y2="49253"/>
                        <a14:foregroundMark x1="49200" y1="48646" x2="49200" y2="48646"/>
                        <a14:foregroundMark x1="51771" y1="48889" x2="51771" y2="48889"/>
                        <a14:foregroundMark x1="48686" y1="48444" x2="48686" y2="48444"/>
                        <a14:foregroundMark x1="45657" y1="47192" x2="45657" y2="47192"/>
                        <a14:foregroundMark x1="46800" y1="49697" x2="46800" y2="49697"/>
                        <a14:foregroundMark x1="49314" y1="50343" x2="49314" y2="50343"/>
                        <a14:foregroundMark x1="49200" y1="51758" x2="49200" y2="51758"/>
                        <a14:foregroundMark x1="49486" y1="50869" x2="49486" y2="50869"/>
                        <a14:foregroundMark x1="52514" y1="49414" x2="52514" y2="49414"/>
                        <a14:foregroundMark x1="49371" y1="52646" x2="49371" y2="52646"/>
                        <a14:foregroundMark x1="48229" y1="51152" x2="48229" y2="51152"/>
                        <a14:foregroundMark x1="46971" y1="50949" x2="46971" y2="50949"/>
                        <a14:foregroundMark x1="47200" y1="49980" x2="47200" y2="49980"/>
                        <a14:foregroundMark x1="53029" y1="48444" x2="53029" y2="48444"/>
                        <a14:foregroundMark x1="53771" y1="50263" x2="53771" y2="50263"/>
                        <a14:foregroundMark x1="51257" y1="49697" x2="51257" y2="49697"/>
                        <a14:foregroundMark x1="51143" y1="48364" x2="51143" y2="48364"/>
                        <a14:foregroundMark x1="48686" y1="52768" x2="48686" y2="52768"/>
                        <a14:foregroundMark x1="49200" y1="53293" x2="49200" y2="5329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 l="40549" t="33025" r="28738" b="44146"/>
          <a:stretch/>
        </p:blipFill>
        <p:spPr>
          <a:xfrm rot="16200000">
            <a:off x="2571581" y="19662"/>
            <a:ext cx="616390" cy="648000"/>
          </a:xfrm>
          <a:prstGeom prst="rect">
            <a:avLst/>
          </a:prstGeom>
        </p:spPr>
      </p:pic>
      <p:sp>
        <p:nvSpPr>
          <p:cNvPr id="7" name="Rechteck 6">
            <a:extLst>
              <a:ext uri="{FF2B5EF4-FFF2-40B4-BE49-F238E27FC236}">
                <a16:creationId xmlns:a16="http://schemas.microsoft.com/office/drawing/2014/main" id="{4BBD1D0F-38CF-48DE-846C-B74F4DC61787}"/>
              </a:ext>
            </a:extLst>
          </p:cNvPr>
          <p:cNvSpPr/>
          <p:nvPr/>
        </p:nvSpPr>
        <p:spPr bwMode="auto">
          <a:xfrm>
            <a:off x="5364088" y="908720"/>
            <a:ext cx="1440160" cy="576064"/>
          </a:xfrm>
          <a:prstGeom prst="rect">
            <a:avLst/>
          </a:prstGeom>
          <a:solidFill>
            <a:schemeClr val="bg1"/>
          </a:solidFill>
          <a:ln w="9525" cap="flat" cmpd="sng" algn="ctr">
            <a:noFill/>
            <a:prstDash val="solid"/>
            <a:miter lim="800000"/>
            <a:headEnd type="none" w="med" len="med"/>
            <a:tailEnd type="none" w="med" len="med"/>
          </a:ln>
          <a:effectLst/>
        </p:spPr>
        <p:txBody>
          <a:bodyPr vert="horz" wrap="non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pPr marL="0" marR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de-DE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00258470"/>
      </p:ext>
    </p:extLst>
  </p:cSld>
  <p:clrMapOvr>
    <a:masterClrMapping/>
  </p:clrMapOvr>
  <p:transition spd="med">
    <p:pull/>
  </p:transition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Inkorporation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5" name="Fußzeilenplatzhalter 4"/>
          <p:cNvSpPr>
            <a:spLocks noGrp="1"/>
          </p:cNvSpPr>
          <p:nvPr>
            <p:ph type="ftr" sz="quarter" idx="3"/>
          </p:nvPr>
        </p:nvSpPr>
        <p:spPr/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  <p:pic>
        <p:nvPicPr>
          <p:cNvPr id="6" name="Bildplatzhalter 4">
            <a:extLst>
              <a:ext uri="{FF2B5EF4-FFF2-40B4-BE49-F238E27FC236}">
                <a16:creationId xmlns:a16="http://schemas.microsoft.com/office/drawing/2014/main" id="{FB1ACA9D-ADDD-4565-8D82-653E6C3899E0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7255" b="98039" l="9366" r="89728">
                        <a14:foregroundMark x1="55891" y1="31569" x2="55891" y2="31569"/>
                        <a14:foregroundMark x1="50755" y1="94510" x2="50755" y2="94510"/>
                        <a14:foregroundMark x1="76737" y1="93725" x2="76737" y2="93725"/>
                        <a14:foregroundMark x1="29909" y1="41569" x2="29909" y2="41569"/>
                        <a14:foregroundMark x1="48640" y1="50196" x2="48640" y2="50196"/>
                        <a14:foregroundMark x1="48036" y1="42353" x2="48036" y2="42353"/>
                        <a14:foregroundMark x1="41692" y1="7255" x2="41692" y2="7255"/>
                        <a14:foregroundMark x1="33837" y1="7255" x2="33837" y2="7255"/>
                        <a14:foregroundMark x1="9668" y1="19020" x2="9668" y2="19020"/>
                        <a14:foregroundMark x1="60725" y1="97647" x2="60725" y2="97647"/>
                        <a14:foregroundMark x1="67976" y1="97647" x2="67976" y2="97647"/>
                        <a14:foregroundMark x1="57402" y1="96863" x2="57402" y2="96863"/>
                        <a14:foregroundMark x1="58610" y1="98039" x2="58610" y2="98039"/>
                        <a14:foregroundMark x1="90030" y1="81961" x2="90030" y2="81961"/>
                        <a14:foregroundMark x1="88822" y1="78627" x2="88822" y2="78627"/>
                        <a14:foregroundMark x1="49849" y1="42353" x2="49849" y2="42353"/>
                        <a14:foregroundMark x1="25076" y1="17255" x2="25076" y2="17255"/>
                        <a14:foregroundMark x1="48640" y1="12549" x2="48640" y2="12549"/>
                        <a14:foregroundMark x1="58006" y1="18235" x2="58006" y2="18235"/>
                        <a14:foregroundMark x1="54079" y1="43333" x2="54079" y2="43333"/>
                        <a14:foregroundMark x1="64653" y1="42549" x2="64653" y2="42549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1626229" y="69707"/>
            <a:ext cx="420324" cy="648000"/>
          </a:xfrm>
          <a:prstGeom prst="rect">
            <a:avLst/>
          </a:prstGeom>
        </p:spPr>
      </p:pic>
      <p:sp>
        <p:nvSpPr>
          <p:cNvPr id="8" name="Inhaltsplatzhalter 2"/>
          <p:cNvSpPr>
            <a:spLocks noGrp="1"/>
          </p:cNvSpPr>
          <p:nvPr>
            <p:ph sz="quarter" idx="13"/>
          </p:nvPr>
        </p:nvSpPr>
        <p:spPr>
          <a:xfrm>
            <a:off x="457200" y="1556793"/>
            <a:ext cx="8058150" cy="4392488"/>
          </a:xfrm>
        </p:spPr>
        <p:txBody>
          <a:bodyPr/>
          <a:lstStyle/>
          <a:p>
            <a:r>
              <a:rPr lang="de-DE" dirty="0"/>
              <a:t>Inkorporation ist die Aufnahme gefährlicher Stoffe in den Körper. Dies kann z.B. über Körperöffnungen, aber auch über gesunde oder verletzte Haut geschehen.</a:t>
            </a:r>
          </a:p>
        </p:txBody>
      </p:sp>
      <p:pic>
        <p:nvPicPr>
          <p:cNvPr id="11" name="Grafik 10" descr="R:\Firmenich\03_Aktuell-Wichtig\In_Bearbeitung\Bestrahlung_Kontamination_Inkorporation\Folie3.PNG"/>
          <p:cNvPicPr/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994350" y="2934013"/>
            <a:ext cx="4701600" cy="2642400"/>
          </a:xfrm>
          <a:prstGeom prst="rect">
            <a:avLst/>
          </a:prstGeom>
          <a:noFill/>
          <a:ln>
            <a:noFill/>
          </a:ln>
        </p:spPr>
      </p:pic>
      <p:sp>
        <p:nvSpPr>
          <p:cNvPr id="10" name="Textfeld 2"/>
          <p:cNvSpPr txBox="1">
            <a:spLocks noChangeArrowheads="1"/>
          </p:cNvSpPr>
          <p:nvPr/>
        </p:nvSpPr>
        <p:spPr bwMode="auto">
          <a:xfrm>
            <a:off x="478314" y="5469239"/>
            <a:ext cx="6288247" cy="742383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Eine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Inkorporation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ist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auszuschließen! </a:t>
            </a: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Essen, Rauchen, Trinken etc. und jegliches Verhalten was zur Inkorporation führen kann ist an der Einsatzstelle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untersagt!  </a:t>
            </a:r>
          </a:p>
        </p:txBody>
      </p:sp>
      <p:pic>
        <p:nvPicPr>
          <p:cNvPr id="12" name="Bildplatzhalter 4">
            <a:extLst>
              <a:ext uri="{FF2B5EF4-FFF2-40B4-BE49-F238E27FC236}">
                <a16:creationId xmlns:a16="http://schemas.microsoft.com/office/drawing/2014/main" id="{FB1ACA9D-ADDD-4565-8D82-653E6C3899E0}"/>
              </a:ext>
            </a:extLst>
          </p:cNvPr>
          <p:cNvPicPr>
            <a:picLocks noChangeAspect="1"/>
          </p:cNvPicPr>
          <p:nvPr/>
        </p:nvPicPr>
        <p:blipFill rotWithShape="1">
          <a:blip r:embed="rId7" cstate="screen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18650" b="100000" l="9063" r="89426">
                        <a14:foregroundMark x1="55589" y1="58521" x2="55589" y2="58521"/>
                        <a14:foregroundMark x1="29607" y1="74920" x2="29607" y2="74920"/>
                        <a14:foregroundMark x1="48338" y1="89068" x2="48338" y2="89068"/>
                        <a14:foregroundMark x1="47734" y1="76206" x2="47734" y2="76206"/>
                        <a14:foregroundMark x1="41390" y1="18650" x2="41390" y2="18650"/>
                        <a14:foregroundMark x1="33535" y1="18650" x2="33535" y2="18650"/>
                        <a14:foregroundMark x1="9366" y1="37942" x2="9366" y2="37942"/>
                        <a14:foregroundMark x1="49547" y1="76206" x2="49547" y2="76206"/>
                        <a14:foregroundMark x1="24773" y1="35048" x2="24773" y2="35048"/>
                        <a14:foregroundMark x1="48338" y1="27331" x2="48338" y2="27331"/>
                        <a14:foregroundMark x1="57704" y1="36656" x2="57704" y2="36656"/>
                        <a14:foregroundMark x1="53776" y1="77814" x2="53776" y2="77814"/>
                        <a14:foregroundMark x1="64350" y1="76527" x2="64350" y2="76527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1474114" y="196048"/>
            <a:ext cx="420324" cy="395314"/>
          </a:xfrm>
          <a:prstGeom prst="rect">
            <a:avLst/>
          </a:prstGeom>
        </p:spPr>
      </p:pic>
      <p:pic>
        <p:nvPicPr>
          <p:cNvPr id="13" name="Bildplatzhalter 4">
            <a:extLst>
              <a:ext uri="{FF2B5EF4-FFF2-40B4-BE49-F238E27FC236}">
                <a16:creationId xmlns:a16="http://schemas.microsoft.com/office/drawing/2014/main" id="{FB1ACA9D-ADDD-4565-8D82-653E6C3899E0}"/>
              </a:ext>
            </a:extLst>
          </p:cNvPr>
          <p:cNvPicPr>
            <a:picLocks noChangeAspect="1"/>
          </p:cNvPicPr>
          <p:nvPr/>
        </p:nvPicPr>
        <p:blipFill rotWithShape="1">
          <a:blip r:embed="rId9" cstate="screen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0" b="93443" l="8911" r="89109">
                        <a14:foregroundMark x1="50495" y1="85246" x2="50495" y2="85246"/>
                        <a14:foregroundMark x1="76238" y1="83607" x2="76238" y2="83607"/>
                        <a14:foregroundMark x1="60396" y1="93443" x2="60396" y2="93443"/>
                        <a14:foregroundMark x1="67327" y1="93443" x2="67327" y2="93443"/>
                        <a14:foregroundMark x1="57426" y1="91803" x2="57426" y2="91803"/>
                        <a14:foregroundMark x1="58416" y1="95082" x2="58416" y2="95082"/>
                        <a14:foregroundMark x1="90099" y1="54098" x2="90099" y2="54098"/>
                        <a14:foregroundMark x1="89109" y1="44262" x2="89109" y2="44262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1823885" y="267363"/>
            <a:ext cx="420324" cy="252687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56659901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7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2.59259E-6 C 0.0217 0.01273 0.43246 0.01273 0.45468 0.025 C 0.46875 0.03449 0.73194 0.11412 0.7184 0.19815 C 0.70468 0.28194 0.3585 0.50995 0.37257 0.50069 C 0.39774 0.50162 0.37638 0.63472 0.38819 0.62847 " pathEditMode="relative" rAng="0" ptsTypes="AAAAA">
                                      <p:cBhvr>
                                        <p:cTn id="6" dur="3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5938" y="31435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" fill="hold">
                            <p:stCondLst>
                              <p:cond delay="3500"/>
                            </p:stCondLst>
                            <p:childTnLst>
                              <p:par>
                                <p:cTn id="8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4000"/>
                            </p:stCondLst>
                            <p:childTnLst>
                              <p:par>
                                <p:cTn id="12" presetID="37" presetClass="path" presetSubtype="0" accel="50000" decel="5000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38889E-6 2.59259E-6 C 0.02188 0.01227 0.54948 0.06088 0.57188 0.0743 C 0.58594 0.0831 0.81476 0.22615 0.78802 0.29282 C 0.76129 0.35972 0.39757 0.48449 0.41181 0.47569 C 0.43386 0.46227 0.39184 0.69467 0.41389 0.68102 " pathEditMode="relative" rAng="0" ptsTypes="AAAAA">
                                      <p:cBhvr>
                                        <p:cTn id="13" dur="3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9514" y="34074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7500"/>
                            </p:stCondLst>
                            <p:childTnLst>
                              <p:par>
                                <p:cTn id="15" presetID="10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>
          <a:xfrm>
            <a:off x="3600000" y="3420000"/>
            <a:ext cx="4860432" cy="1447800"/>
          </a:xfrm>
        </p:spPr>
        <p:txBody>
          <a:bodyPr/>
          <a:lstStyle/>
          <a:p>
            <a:r>
              <a:rPr lang="de-DE" sz="4400" b="1" dirty="0"/>
              <a:t>Kontamination</a:t>
            </a:r>
          </a:p>
        </p:txBody>
      </p:sp>
      <p:pic>
        <p:nvPicPr>
          <p:cNvPr id="5" name="Bildplatzhalter 4" descr="Ein Bild, das Karte enthält.&#10;&#10;Automatisch generierte Beschreibung">
            <a:extLst>
              <a:ext uri="{FF2B5EF4-FFF2-40B4-BE49-F238E27FC236}">
                <a16:creationId xmlns:a16="http://schemas.microsoft.com/office/drawing/2014/main" id="{2265A8E0-08A0-498F-93C6-61943579239F}"/>
              </a:ext>
            </a:extLst>
          </p:cNvPr>
          <p:cNvPicPr>
            <a:picLocks noGrp="1" noChangeAspect="1"/>
          </p:cNvPicPr>
          <p:nvPr>
            <p:ph type="pic" sz="quarter" idx="10"/>
          </p:nvPr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31273" b="62303" l="42400" r="66400">
                        <a14:foregroundMark x1="49086" y1="39111" x2="49086" y2="39111"/>
                        <a14:foregroundMark x1="60743" y1="55515" x2="60743" y2="55515"/>
                        <a14:foregroundMark x1="66514" y1="55879" x2="66514" y2="55879"/>
                        <a14:foregroundMark x1="54000" y1="61051" x2="54000" y2="61051"/>
                        <a14:foregroundMark x1="42514" y1="52444" x2="42514" y2="52444"/>
                        <a14:foregroundMark x1="43029" y1="56404" x2="43029" y2="56404"/>
                        <a14:foregroundMark x1="58171" y1="46222" x2="58171" y2="46222"/>
                        <a14:foregroundMark x1="57200" y1="49253" x2="57200" y2="49253"/>
                        <a14:foregroundMark x1="59829" y1="49980" x2="59829" y2="49980"/>
                        <a14:foregroundMark x1="60057" y1="49172" x2="60057" y2="49172"/>
                        <a14:foregroundMark x1="57829" y1="44929" x2="57829" y2="44929"/>
                        <a14:foregroundMark x1="57829" y1="44970" x2="57829" y2="44970"/>
                        <a14:foregroundMark x1="57943" y1="44687" x2="57943" y2="44687"/>
                        <a14:foregroundMark x1="57714" y1="45212" x2="57714" y2="45212"/>
                        <a14:foregroundMark x1="57543" y1="44929" x2="57543" y2="44929"/>
                        <a14:foregroundMark x1="58057" y1="46384" x2="58057" y2="46384"/>
                        <a14:foregroundMark x1="58057" y1="41657" x2="58057" y2="41657"/>
                        <a14:foregroundMark x1="59943" y1="40848" x2="59943" y2="40848"/>
                        <a14:foregroundMark x1="61371" y1="42788" x2="61371" y2="42788"/>
                        <a14:foregroundMark x1="60229" y1="42465" x2="60229" y2="42465"/>
                        <a14:foregroundMark x1="54743" y1="39030" x2="54743" y2="39030"/>
                        <a14:foregroundMark x1="49314" y1="32485" x2="49314" y2="32485"/>
                        <a14:foregroundMark x1="46686" y1="31879" x2="46686" y2="31879"/>
                        <a14:foregroundMark x1="46800" y1="35919" x2="46800" y2="35919"/>
                        <a14:foregroundMark x1="45771" y1="31273" x2="45771" y2="31273"/>
                        <a14:foregroundMark x1="44800" y1="31515" x2="44800" y2="31515"/>
                        <a14:foregroundMark x1="45029" y1="32242" x2="45029" y2="32242"/>
                        <a14:foregroundMark x1="43371" y1="39232" x2="43371" y2="39232"/>
                        <a14:foregroundMark x1="43143" y1="40404" x2="43143" y2="40404"/>
                        <a14:foregroundMark x1="57429" y1="48889" x2="57429" y2="48889"/>
                        <a14:foregroundMark x1="59943" y1="49616" x2="59943" y2="49616"/>
                        <a14:foregroundMark x1="54571" y1="62303" x2="54571" y2="62303"/>
                        <a14:foregroundMark x1="54000" y1="62303" x2="54000" y2="62303"/>
                        <a14:backgroundMark x1="64114" y1="38222" x2="64114" y2="38222"/>
                        <a14:backgroundMark x1="45886" y1="46626" x2="45886" y2="46626"/>
                        <a14:backgroundMark x1="46571" y1="60242" x2="46571" y2="60242"/>
                        <a14:backgroundMark x1="65657" y1="61495" x2="65657" y2="6149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 l="40152" t="29956" r="31494" b="36637"/>
          <a:stretch/>
        </p:blipFill>
        <p:spPr>
          <a:xfrm rot="16200000">
            <a:off x="4115824" y="1292892"/>
            <a:ext cx="1872680" cy="3120565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59178677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Kontamination</a:t>
            </a:r>
          </a:p>
        </p:txBody>
      </p:sp>
      <p:sp>
        <p:nvSpPr>
          <p:cNvPr id="3" name="Inhaltsplatzhalter 2"/>
          <p:cNvSpPr>
            <a:spLocks noGrp="1"/>
          </p:cNvSpPr>
          <p:nvPr>
            <p:ph sz="quarter" idx="13"/>
          </p:nvPr>
        </p:nvSpPr>
        <p:spPr/>
        <p:txBody>
          <a:bodyPr/>
          <a:lstStyle/>
          <a:p>
            <a:r>
              <a:rPr lang="de-DE" dirty="0"/>
              <a:t>Kontamination, ist die Verunreinigung der Oberflächen von Lebewesen, des Bodens, von Gewässern und Gegenständen mit ABC-Gefahrstoffen.</a:t>
            </a:r>
          </a:p>
          <a:p>
            <a:endParaRPr lang="de-DE" dirty="0"/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5" name="Fußzeilenplatzhalter 4"/>
          <p:cNvSpPr>
            <a:spLocks noGrp="1"/>
          </p:cNvSpPr>
          <p:nvPr>
            <p:ph type="ftr" sz="quarter" idx="3"/>
          </p:nvPr>
        </p:nvSpPr>
        <p:spPr/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  <p:pic>
        <p:nvPicPr>
          <p:cNvPr id="6" name="Bildplatzhalter 4" descr="Ein Bild, das Karte enthält.&#10;&#10;Automatisch generierte Beschreibung">
            <a:extLst>
              <a:ext uri="{FF2B5EF4-FFF2-40B4-BE49-F238E27FC236}">
                <a16:creationId xmlns:a16="http://schemas.microsoft.com/office/drawing/2014/main" id="{128D385F-35DE-47F2-96FB-4467E65B6877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31273" b="62303" l="42400" r="66400">
                        <a14:foregroundMark x1="49086" y1="39111" x2="49086" y2="39111"/>
                        <a14:foregroundMark x1="60743" y1="55515" x2="60743" y2="55515"/>
                        <a14:foregroundMark x1="66514" y1="55879" x2="66514" y2="55879"/>
                        <a14:foregroundMark x1="54000" y1="61051" x2="54000" y2="61051"/>
                        <a14:foregroundMark x1="42514" y1="52444" x2="42514" y2="52444"/>
                        <a14:foregroundMark x1="43029" y1="56404" x2="43029" y2="56404"/>
                        <a14:foregroundMark x1="58171" y1="46222" x2="58171" y2="46222"/>
                        <a14:foregroundMark x1="57200" y1="49253" x2="57200" y2="49253"/>
                        <a14:foregroundMark x1="59829" y1="49980" x2="59829" y2="49980"/>
                        <a14:foregroundMark x1="60057" y1="49172" x2="60057" y2="49172"/>
                        <a14:foregroundMark x1="57829" y1="44929" x2="57829" y2="44929"/>
                        <a14:foregroundMark x1="57829" y1="44970" x2="57829" y2="44970"/>
                        <a14:foregroundMark x1="57943" y1="44687" x2="57943" y2="44687"/>
                        <a14:foregroundMark x1="57714" y1="45212" x2="57714" y2="45212"/>
                        <a14:foregroundMark x1="57543" y1="44929" x2="57543" y2="44929"/>
                        <a14:foregroundMark x1="58057" y1="46384" x2="58057" y2="46384"/>
                        <a14:foregroundMark x1="58057" y1="41657" x2="58057" y2="41657"/>
                        <a14:foregroundMark x1="59943" y1="40848" x2="59943" y2="40848"/>
                        <a14:foregroundMark x1="61371" y1="42788" x2="61371" y2="42788"/>
                        <a14:foregroundMark x1="60229" y1="42465" x2="60229" y2="42465"/>
                        <a14:foregroundMark x1="54743" y1="39030" x2="54743" y2="39030"/>
                        <a14:foregroundMark x1="49314" y1="32485" x2="49314" y2="32485"/>
                        <a14:foregroundMark x1="46686" y1="31879" x2="46686" y2="31879"/>
                        <a14:foregroundMark x1="46800" y1="35919" x2="46800" y2="35919"/>
                        <a14:foregroundMark x1="45771" y1="31273" x2="45771" y2="31273"/>
                        <a14:foregroundMark x1="44800" y1="31515" x2="44800" y2="31515"/>
                        <a14:foregroundMark x1="45029" y1="32242" x2="45029" y2="32242"/>
                        <a14:foregroundMark x1="43371" y1="39232" x2="43371" y2="39232"/>
                        <a14:foregroundMark x1="43143" y1="40404" x2="43143" y2="40404"/>
                        <a14:foregroundMark x1="57429" y1="48889" x2="57429" y2="48889"/>
                        <a14:foregroundMark x1="59943" y1="49616" x2="59943" y2="49616"/>
                        <a14:foregroundMark x1="54571" y1="62303" x2="54571" y2="62303"/>
                        <a14:foregroundMark x1="54000" y1="62303" x2="54000" y2="62303"/>
                        <a14:backgroundMark x1="64114" y1="38222" x2="64114" y2="38222"/>
                        <a14:backgroundMark x1="45886" y1="46626" x2="45886" y2="46626"/>
                        <a14:backgroundMark x1="46571" y1="60242" x2="46571" y2="60242"/>
                        <a14:backgroundMark x1="65657" y1="61495" x2="65657" y2="6149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 l="40152" t="29956" r="31494" b="36637"/>
          <a:stretch/>
        </p:blipFill>
        <p:spPr>
          <a:xfrm rot="16200000">
            <a:off x="1871949" y="42997"/>
            <a:ext cx="388871" cy="648000"/>
          </a:xfrm>
          <a:prstGeom prst="rect">
            <a:avLst/>
          </a:prstGeom>
        </p:spPr>
      </p:pic>
      <p:pic>
        <p:nvPicPr>
          <p:cNvPr id="7" name="Grafik 6"/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3995936" y="2924944"/>
            <a:ext cx="4700014" cy="2643758"/>
          </a:xfrm>
          <a:prstGeom prst="rect">
            <a:avLst/>
          </a:prstGeom>
        </p:spPr>
      </p:pic>
      <p:sp>
        <p:nvSpPr>
          <p:cNvPr id="8" name="Textfeld 2"/>
          <p:cNvSpPr txBox="1">
            <a:spLocks noChangeArrowheads="1"/>
          </p:cNvSpPr>
          <p:nvPr/>
        </p:nvSpPr>
        <p:spPr bwMode="auto">
          <a:xfrm>
            <a:off x="461356" y="5181167"/>
            <a:ext cx="6270884" cy="757130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Eine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Kontamination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ist zu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vermeiden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, zumindest ist sie so gering wie möglich zu halten!</a:t>
            </a:r>
            <a:endParaRPr lang="de-DE" sz="1200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 </a:t>
            </a:r>
            <a:endParaRPr lang="de-DE" sz="1200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Eine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Kontaminationsverschleppung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ist zu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verhindern!</a:t>
            </a:r>
            <a:endParaRPr lang="de-DE" sz="1200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77894548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>
          <a:xfrm>
            <a:off x="3600000" y="3420000"/>
            <a:ext cx="4860432" cy="1447800"/>
          </a:xfrm>
        </p:spPr>
        <p:txBody>
          <a:bodyPr/>
          <a:lstStyle/>
          <a:p>
            <a:r>
              <a:rPr lang="de-DE" sz="4400" b="1" dirty="0"/>
              <a:t>Einwirkung von außen</a:t>
            </a:r>
          </a:p>
        </p:txBody>
      </p:sp>
      <p:pic>
        <p:nvPicPr>
          <p:cNvPr id="5" name="Bildplatzhalter 4">
            <a:extLst>
              <a:ext uri="{FF2B5EF4-FFF2-40B4-BE49-F238E27FC236}">
                <a16:creationId xmlns:a16="http://schemas.microsoft.com/office/drawing/2014/main" id="{CEA8A66E-9B06-4FFA-9EA8-DE9B2587E896}"/>
              </a:ext>
            </a:extLst>
          </p:cNvPr>
          <p:cNvPicPr>
            <a:picLocks noGrp="1" noChangeAspect="1"/>
          </p:cNvPicPr>
          <p:nvPr>
            <p:ph type="pic" sz="quarter" idx="10"/>
          </p:nvPr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4085946" y="485674"/>
            <a:ext cx="2196244" cy="3672408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87522216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Einwirkung von außen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sp>
        <p:nvSpPr>
          <p:cNvPr id="5" name="Fußzeilenplatzhalter 4"/>
          <p:cNvSpPr>
            <a:spLocks noGrp="1"/>
          </p:cNvSpPr>
          <p:nvPr>
            <p:ph type="ftr" sz="quarter" idx="3"/>
          </p:nvPr>
        </p:nvSpPr>
        <p:spPr/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  <p:pic>
        <p:nvPicPr>
          <p:cNvPr id="6" name="Bildplatzhalter 4">
            <a:extLst>
              <a:ext uri="{FF2B5EF4-FFF2-40B4-BE49-F238E27FC236}">
                <a16:creationId xmlns:a16="http://schemas.microsoft.com/office/drawing/2014/main" id="{B4346D6B-24F0-4CD9-9501-EF1BD15B4E27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2340445" y="57701"/>
            <a:ext cx="430587" cy="720000"/>
          </a:xfrm>
          <a:prstGeom prst="rect">
            <a:avLst/>
          </a:prstGeom>
        </p:spPr>
      </p:pic>
      <p:sp>
        <p:nvSpPr>
          <p:cNvPr id="8" name="Inhaltsplatzhalter 2"/>
          <p:cNvSpPr>
            <a:spLocks noGrp="1"/>
          </p:cNvSpPr>
          <p:nvPr>
            <p:ph sz="quarter" idx="13"/>
          </p:nvPr>
        </p:nvSpPr>
        <p:spPr>
          <a:xfrm>
            <a:off x="457200" y="1556793"/>
            <a:ext cx="8058150" cy="4392488"/>
          </a:xfrm>
        </p:spPr>
        <p:txBody>
          <a:bodyPr/>
          <a:lstStyle/>
          <a:p>
            <a:r>
              <a:rPr lang="de-DE" dirty="0"/>
              <a:t>Gefährliche Einwirkung von außen ist die Einwirkung von Strahlungsenergie und/oder mechanischer Energie auf Lebewesen oder Objekte.</a:t>
            </a:r>
          </a:p>
          <a:p>
            <a:endParaRPr lang="de-DE" dirty="0"/>
          </a:p>
        </p:txBody>
      </p:sp>
      <p:sp>
        <p:nvSpPr>
          <p:cNvPr id="10" name="Textfeld 2"/>
          <p:cNvSpPr txBox="1">
            <a:spLocks noChangeArrowheads="1"/>
          </p:cNvSpPr>
          <p:nvPr/>
        </p:nvSpPr>
        <p:spPr bwMode="auto">
          <a:xfrm>
            <a:off x="461356" y="5181167"/>
            <a:ext cx="6270884" cy="757130"/>
          </a:xfrm>
          <a:prstGeom prst="rect">
            <a:avLst/>
          </a:prstGeom>
          <a:solidFill>
            <a:schemeClr val="accent1">
              <a:lumMod val="40000"/>
              <a:lumOff val="60000"/>
            </a:schemeClr>
          </a:solidFill>
          <a:ln w="28575">
            <a:solidFill>
              <a:srgbClr val="000000"/>
            </a:solidFill>
            <a:miter lim="800000"/>
            <a:headEnd/>
            <a:tailEnd/>
          </a:ln>
        </p:spPr>
        <p:txBody>
          <a:bodyPr rot="0" vert="horz" wrap="square" lIns="91440" tIns="45720" rIns="91440" bIns="45720" anchor="t" anchorCtr="0">
            <a:spAutoFit/>
          </a:bodyPr>
          <a:lstStyle/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Jede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gefährliche Einwirkung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von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Energie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ist so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gering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wie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möglich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zu halten.</a:t>
            </a: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endParaRPr lang="de-DE" sz="1200" i="1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  <a:p>
            <a:pPr algn="ctr">
              <a:lnSpc>
                <a:spcPct val="120000"/>
              </a:lnSpc>
              <a:spcAft>
                <a:spcPts val="0"/>
              </a:spcAft>
            </a:pP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Jede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gefährliche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Einwirkung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 von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mechanischer Energie 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ist zu </a:t>
            </a:r>
            <a:r>
              <a:rPr lang="de-DE" sz="1200" b="1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verhindern</a:t>
            </a:r>
            <a:r>
              <a:rPr lang="de-DE" sz="1200" i="1" dirty="0">
                <a:latin typeface="Frutiger CE 55 Roman"/>
                <a:ea typeface="Arial" panose="020B0604020202020204" pitchFamily="34" charset="0"/>
                <a:cs typeface="Arial" panose="020B0604020202020204" pitchFamily="34" charset="0"/>
              </a:rPr>
              <a:t>!</a:t>
            </a:r>
            <a:endParaRPr lang="de-DE" sz="1200" dirty="0">
              <a:latin typeface="Frutiger CE 55 Roman"/>
              <a:ea typeface="Arial" panose="020B0604020202020204" pitchFamily="34" charset="0"/>
              <a:cs typeface="Arial" panose="020B0604020202020204" pitchFamily="34" charset="0"/>
            </a:endParaRPr>
          </a:p>
        </p:txBody>
      </p:sp>
      <p:pic>
        <p:nvPicPr>
          <p:cNvPr id="15" name="Bildplatzhalter 4">
            <a:extLst>
              <a:ext uri="{FF2B5EF4-FFF2-40B4-BE49-F238E27FC236}">
                <a16:creationId xmlns:a16="http://schemas.microsoft.com/office/drawing/2014/main" id="{CEA8A66E-9B06-4FFA-9EA8-DE9B2587E896}"/>
              </a:ext>
            </a:extLst>
          </p:cNvPr>
          <p:cNvPicPr>
            <a:picLocks noChangeAspect="1"/>
          </p:cNvPicPr>
          <p:nvPr/>
        </p:nvPicPr>
        <p:blipFill rotWithShape="1">
          <a:blip r:embed="rId5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5661538" y="2126632"/>
            <a:ext cx="2196244" cy="3672408"/>
          </a:xfrm>
          <a:prstGeom prst="rect">
            <a:avLst/>
          </a:prstGeom>
        </p:spPr>
      </p:pic>
      <p:pic>
        <p:nvPicPr>
          <p:cNvPr id="85" name="Grafik 84"/>
          <p:cNvPicPr>
            <a:picLocks noChangeAspect="1"/>
          </p:cNvPicPr>
          <p:nvPr/>
        </p:nvPicPr>
        <p:blipFill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1283353" y="3099134"/>
            <a:ext cx="3640105" cy="125933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772879046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>
          <a:xfrm>
            <a:off x="3600000" y="3420000"/>
            <a:ext cx="4860432" cy="1447800"/>
          </a:xfrm>
        </p:spPr>
        <p:txBody>
          <a:bodyPr/>
          <a:lstStyle/>
          <a:p>
            <a:r>
              <a:rPr lang="de-DE" sz="4400" b="1" dirty="0"/>
              <a:t>Gruppe im            ABC - Einsatz</a:t>
            </a:r>
          </a:p>
        </p:txBody>
      </p:sp>
      <p:pic>
        <p:nvPicPr>
          <p:cNvPr id="5" name="Bildplatzhalter 4" descr="Ein Bild, das Text, Strichzeichnung enthält.&#10;&#10;Automatisch generierte Beschreibung">
            <a:extLst>
              <a:ext uri="{FF2B5EF4-FFF2-40B4-BE49-F238E27FC236}">
                <a16:creationId xmlns:a16="http://schemas.microsoft.com/office/drawing/2014/main" id="{A00443ED-FC79-42B1-807C-83967A3E8729}"/>
              </a:ext>
            </a:extLst>
          </p:cNvPr>
          <p:cNvPicPr>
            <a:picLocks noGrp="1" noChangeAspect="1"/>
          </p:cNvPicPr>
          <p:nvPr>
            <p:ph type="pic" sz="quarter" idx="10"/>
          </p:nvPr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3869922" y="544360"/>
            <a:ext cx="2268254" cy="3456386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623361816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dirty="0"/>
              <a:t>Gruppe im ABC-Einsatz</a:t>
            </a:r>
          </a:p>
        </p:txBody>
      </p:sp>
      <p:sp>
        <p:nvSpPr>
          <p:cNvPr id="4" name="Datumsplatzhalter 3"/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9A102E2A-6C5E-4C01-BD8C-8CE742735261}" type="datetime1">
              <a:rPr lang="de-DE" altLang="de-DE" smtClean="0"/>
              <a:t>15.12.2023</a:t>
            </a:fld>
            <a:endParaRPr lang="de-DE" altLang="de-DE" dirty="0"/>
          </a:p>
        </p:txBody>
      </p:sp>
      <p:pic>
        <p:nvPicPr>
          <p:cNvPr id="6" name="Bildplatzhalter 4" descr="Ein Bild, das Text, Strichzeichnung enthält.&#10;&#10;Automatisch generierte Beschreibung">
            <a:extLst>
              <a:ext uri="{FF2B5EF4-FFF2-40B4-BE49-F238E27FC236}">
                <a16:creationId xmlns:a16="http://schemas.microsoft.com/office/drawing/2014/main" id="{EC87B86E-0F24-4F2E-91C6-0E5C1A64BD43}"/>
              </a:ext>
            </a:extLst>
          </p:cNvPr>
          <p:cNvPicPr>
            <a:picLocks noChangeAspect="1"/>
          </p:cNvPicPr>
          <p:nvPr/>
        </p:nvPicPr>
        <p:blipFill rotWithShape="1">
          <a:blip r:embed="rId4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rot="16200000">
            <a:off x="2451127" y="93701"/>
            <a:ext cx="425250" cy="648000"/>
          </a:xfrm>
          <a:prstGeom prst="rect">
            <a:avLst/>
          </a:prstGeom>
        </p:spPr>
      </p:pic>
      <p:sp>
        <p:nvSpPr>
          <p:cNvPr id="8" name="Text Box 8"/>
          <p:cNvSpPr txBox="1">
            <a:spLocks noChangeArrowheads="1"/>
          </p:cNvSpPr>
          <p:nvPr/>
        </p:nvSpPr>
        <p:spPr bwMode="auto">
          <a:xfrm>
            <a:off x="539502" y="2913065"/>
            <a:ext cx="8307388" cy="132343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just">
              <a:spcBef>
                <a:spcPct val="50000"/>
              </a:spcBef>
            </a:pPr>
            <a:r>
              <a:rPr lang="de-DE" altLang="de-DE" sz="2000" dirty="0">
                <a:latin typeface="Frutiger CE 55 Roman"/>
                <a:cs typeface="Arial" panose="020B0604020202020204" pitchFamily="34" charset="0"/>
              </a:rPr>
              <a:t>Die Gruppe kann selbstständig nur für die Durchführung der ersten</a:t>
            </a:r>
          </a:p>
          <a:p>
            <a:pPr algn="just">
              <a:spcBef>
                <a:spcPct val="50000"/>
              </a:spcBef>
            </a:pPr>
            <a:r>
              <a:rPr lang="de-DE" altLang="de-DE" sz="2000" dirty="0">
                <a:latin typeface="Frutiger CE 55 Roman"/>
                <a:cs typeface="Arial" panose="020B0604020202020204" pitchFamily="34" charset="0"/>
              </a:rPr>
              <a:t>Einsatzmaßnahmen o. Aufträgen kleineren Umfangs mit klar</a:t>
            </a:r>
          </a:p>
          <a:p>
            <a:pPr algn="just">
              <a:spcBef>
                <a:spcPct val="50000"/>
              </a:spcBef>
            </a:pPr>
            <a:r>
              <a:rPr lang="de-DE" altLang="de-DE" sz="2000" dirty="0">
                <a:latin typeface="Frutiger CE 55 Roman"/>
                <a:cs typeface="Arial" panose="020B0604020202020204" pitchFamily="34" charset="0"/>
              </a:rPr>
              <a:t>begrenztem Risiko eingesetzt werden!</a:t>
            </a:r>
          </a:p>
        </p:txBody>
      </p:sp>
      <p:grpSp>
        <p:nvGrpSpPr>
          <p:cNvPr id="9" name="Gruppieren 8"/>
          <p:cNvGrpSpPr/>
          <p:nvPr/>
        </p:nvGrpSpPr>
        <p:grpSpPr>
          <a:xfrm>
            <a:off x="8027760" y="1534048"/>
            <a:ext cx="1009499" cy="700853"/>
            <a:chOff x="8150772" y="3318929"/>
            <a:chExt cx="1009499" cy="700853"/>
          </a:xfrm>
        </p:grpSpPr>
        <p:grpSp>
          <p:nvGrpSpPr>
            <p:cNvPr id="10" name="Gruppieren 9"/>
            <p:cNvGrpSpPr/>
            <p:nvPr/>
          </p:nvGrpSpPr>
          <p:grpSpPr>
            <a:xfrm>
              <a:off x="8150772" y="3457338"/>
              <a:ext cx="1009499" cy="562444"/>
              <a:chOff x="2229103" y="2665427"/>
              <a:chExt cx="1009499" cy="562444"/>
            </a:xfrm>
          </p:grpSpPr>
          <p:sp>
            <p:nvSpPr>
              <p:cNvPr id="14" name="Rechteck 13"/>
              <p:cNvSpPr/>
              <p:nvPr/>
            </p:nvSpPr>
            <p:spPr>
              <a:xfrm>
                <a:off x="2229103" y="2665427"/>
                <a:ext cx="1008112" cy="562444"/>
              </a:xfrm>
              <a:prstGeom prst="rect">
                <a:avLst/>
              </a:prstGeom>
              <a:solidFill>
                <a:srgbClr val="FF0000"/>
              </a:solidFill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  <p:cxnSp>
            <p:nvCxnSpPr>
              <p:cNvPr id="15" name="Gerade Verbindung 192"/>
              <p:cNvCxnSpPr/>
              <p:nvPr/>
            </p:nvCxnSpPr>
            <p:spPr>
              <a:xfrm>
                <a:off x="2229103" y="2943571"/>
                <a:ext cx="1008112" cy="0"/>
              </a:xfrm>
              <a:prstGeom prst="lin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</p:cxnSp>
          <p:sp>
            <p:nvSpPr>
              <p:cNvPr id="16" name="Gleichschenkliges Dreieck 15"/>
              <p:cNvSpPr/>
              <p:nvPr/>
            </p:nvSpPr>
            <p:spPr>
              <a:xfrm rot="16200000">
                <a:off x="2758684" y="2746266"/>
                <a:ext cx="560758" cy="399079"/>
              </a:xfrm>
              <a:prstGeom prst="triangle">
                <a:avLst/>
              </a:prstGeom>
              <a:noFill/>
              <a:ln w="19050" cap="flat" cmpd="sng" algn="ctr">
                <a:solidFill>
                  <a:sysClr val="windowText" lastClr="000000"/>
                </a:solidFill>
                <a:prstDash val="solid"/>
              </a:ln>
              <a:effectLst/>
            </p:spPr>
            <p:txBody>
              <a:bodyPr rtlCol="0" anchor="ctr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de-DE" sz="1800" kern="0">
                  <a:solidFill>
                    <a:prstClr val="white"/>
                  </a:solidFill>
                  <a:latin typeface="Calibri"/>
                </a:endParaRPr>
              </a:p>
            </p:txBody>
          </p:sp>
        </p:grpSp>
        <p:grpSp>
          <p:nvGrpSpPr>
            <p:cNvPr id="11" name="Gruppieren 10"/>
            <p:cNvGrpSpPr/>
            <p:nvPr/>
          </p:nvGrpSpPr>
          <p:grpSpPr>
            <a:xfrm>
              <a:off x="8561099" y="3318929"/>
              <a:ext cx="221644" cy="86400"/>
              <a:chOff x="8443328" y="2862811"/>
              <a:chExt cx="221644" cy="86400"/>
            </a:xfrm>
          </p:grpSpPr>
          <p:sp>
            <p:nvSpPr>
              <p:cNvPr id="12" name="Ellipse 25"/>
              <p:cNvSpPr/>
              <p:nvPr/>
            </p:nvSpPr>
            <p:spPr>
              <a:xfrm>
                <a:off x="8578181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  <p:sp>
            <p:nvSpPr>
              <p:cNvPr id="13" name="Ellipse 25"/>
              <p:cNvSpPr/>
              <p:nvPr/>
            </p:nvSpPr>
            <p:spPr>
              <a:xfrm>
                <a:off x="8443328" y="2862811"/>
                <a:ext cx="86791" cy="86400"/>
              </a:xfrm>
              <a:custGeom>
                <a:avLst/>
                <a:gdLst>
                  <a:gd name="f0" fmla="val 21600000"/>
                  <a:gd name="f1" fmla="val 10800000"/>
                  <a:gd name="f2" fmla="val 5400000"/>
                  <a:gd name="f3" fmla="val 180"/>
                  <a:gd name="f4" fmla="val w"/>
                  <a:gd name="f5" fmla="val h"/>
                  <a:gd name="f6" fmla="val ss"/>
                  <a:gd name="f7" fmla="val 0"/>
                  <a:gd name="f8" fmla="*/ 5419351 1 1725033"/>
                  <a:gd name="f9" fmla="+- 0 0 -360"/>
                  <a:gd name="f10" fmla="+- 0 0 -180"/>
                  <a:gd name="f11" fmla="abs f4"/>
                  <a:gd name="f12" fmla="abs f5"/>
                  <a:gd name="f13" fmla="abs f6"/>
                  <a:gd name="f14" fmla="+- 2700000 f2 0"/>
                  <a:gd name="f15" fmla="*/ f9 f1 1"/>
                  <a:gd name="f16" fmla="*/ f10 f1 1"/>
                  <a:gd name="f17" fmla="?: f11 f4 1"/>
                  <a:gd name="f18" fmla="?: f12 f5 1"/>
                  <a:gd name="f19" fmla="?: f13 f6 1"/>
                  <a:gd name="f20" fmla="+- f14 0 f2"/>
                  <a:gd name="f21" fmla="*/ f15 1 f3"/>
                  <a:gd name="f22" fmla="*/ f16 1 f3"/>
                  <a:gd name="f23" fmla="*/ f17 1 21600"/>
                  <a:gd name="f24" fmla="*/ f18 1 21600"/>
                  <a:gd name="f25" fmla="*/ 21600 f17 1"/>
                  <a:gd name="f26" fmla="*/ 21600 f18 1"/>
                  <a:gd name="f27" fmla="+- f20 f2 0"/>
                  <a:gd name="f28" fmla="+- f21 0 f2"/>
                  <a:gd name="f29" fmla="+- f22 0 f2"/>
                  <a:gd name="f30" fmla="min f24 f23"/>
                  <a:gd name="f31" fmla="*/ f25 1 f19"/>
                  <a:gd name="f32" fmla="*/ f26 1 f19"/>
                  <a:gd name="f33" fmla="*/ f27 f8 1"/>
                  <a:gd name="f34" fmla="val f31"/>
                  <a:gd name="f35" fmla="val f32"/>
                  <a:gd name="f36" fmla="*/ f33 1 f1"/>
                  <a:gd name="f37" fmla="*/ f7 f30 1"/>
                  <a:gd name="f38" fmla="+- f35 0 f7"/>
                  <a:gd name="f39" fmla="+- f34 0 f7"/>
                  <a:gd name="f40" fmla="+- 0 0 f36"/>
                  <a:gd name="f41" fmla="*/ f38 1 2"/>
                  <a:gd name="f42" fmla="*/ f39 1 2"/>
                  <a:gd name="f43" fmla="+- 0 0 f40"/>
                  <a:gd name="f44" fmla="+- f7 f41 0"/>
                  <a:gd name="f45" fmla="+- f7 f42 0"/>
                  <a:gd name="f46" fmla="*/ f43 f1 1"/>
                  <a:gd name="f47" fmla="*/ f42 f30 1"/>
                  <a:gd name="f48" fmla="*/ f41 f30 1"/>
                  <a:gd name="f49" fmla="*/ f46 1 f8"/>
                  <a:gd name="f50" fmla="*/ f44 f30 1"/>
                  <a:gd name="f51" fmla="+- f49 0 f2"/>
                  <a:gd name="f52" fmla="cos 1 f51"/>
                  <a:gd name="f53" fmla="sin 1 f51"/>
                  <a:gd name="f54" fmla="+- 0 0 f52"/>
                  <a:gd name="f55" fmla="+- 0 0 f53"/>
                  <a:gd name="f56" fmla="+- 0 0 f54"/>
                  <a:gd name="f57" fmla="+- 0 0 f55"/>
                  <a:gd name="f58" fmla="val f56"/>
                  <a:gd name="f59" fmla="val f57"/>
                  <a:gd name="f60" fmla="*/ f58 f42 1"/>
                  <a:gd name="f61" fmla="*/ f59 f41 1"/>
                  <a:gd name="f62" fmla="+- f45 0 f60"/>
                  <a:gd name="f63" fmla="+- f45 f60 0"/>
                  <a:gd name="f64" fmla="+- f44 0 f61"/>
                  <a:gd name="f65" fmla="+- f44 f61 0"/>
                  <a:gd name="f66" fmla="*/ f62 f30 1"/>
                  <a:gd name="f67" fmla="*/ f64 f30 1"/>
                  <a:gd name="f68" fmla="*/ f63 f30 1"/>
                  <a:gd name="f69" fmla="*/ f65 f30 1"/>
                </a:gdLst>
                <a:ahLst/>
                <a:cxnLst>
                  <a:cxn ang="3cd4">
                    <a:pos x="hc" y="t"/>
                  </a:cxn>
                  <a:cxn ang="0">
                    <a:pos x="r" y="vc"/>
                  </a:cxn>
                  <a:cxn ang="cd4">
                    <a:pos x="hc" y="b"/>
                  </a:cxn>
                  <a:cxn ang="cd2">
                    <a:pos x="l" y="vc"/>
                  </a:cxn>
                  <a:cxn ang="f28">
                    <a:pos x="f66" y="f67"/>
                  </a:cxn>
                  <a:cxn ang="f29">
                    <a:pos x="f66" y="f69"/>
                  </a:cxn>
                  <a:cxn ang="f29">
                    <a:pos x="f68" y="f69"/>
                  </a:cxn>
                  <a:cxn ang="f28">
                    <a:pos x="f68" y="f67"/>
                  </a:cxn>
                </a:cxnLst>
                <a:rect l="f66" t="f67" r="f68" b="f69"/>
                <a:pathLst>
                  <a:path>
                    <a:moveTo>
                      <a:pt x="f37" y="f50"/>
                    </a:moveTo>
                    <a:arcTo wR="f47" hR="f48" stAng="f1" swAng="f0"/>
                    <a:close/>
                  </a:path>
                </a:pathLst>
              </a:custGeom>
              <a:solidFill>
                <a:srgbClr val="000000"/>
              </a:solidFill>
              <a:ln w="25402">
                <a:solidFill>
                  <a:srgbClr val="000000"/>
                </a:solidFill>
                <a:prstDash val="solid"/>
              </a:ln>
            </p:spPr>
            <p:txBody>
              <a:bodyPr vert="horz" wrap="square" lIns="91440" tIns="45720" rIns="91440" bIns="45720" anchor="ctr" anchorCtr="1" compatLnSpc="1"/>
              <a:lstStyle/>
              <a:p>
                <a:pPr algn="ctr" eaLnBrk="1" fontAlgn="auto" hangingPunct="1">
                  <a:spcBef>
                    <a:spcPts val="0"/>
                  </a:spcBef>
                  <a:spcAft>
                    <a:spcPts val="0"/>
                  </a:spcAft>
                  <a:defRPr sz="1800" b="0" i="0" u="none" strike="noStrike" kern="0" cap="none" spc="0" baseline="0">
                    <a:solidFill>
                      <a:srgbClr val="000000"/>
                    </a:solidFill>
                    <a:uFillTx/>
                  </a:defRPr>
                </a:pPr>
                <a:endParaRPr lang="de-DE" sz="1800">
                  <a:solidFill>
                    <a:srgbClr val="FFFFFF"/>
                  </a:solidFill>
                  <a:latin typeface="Calibri"/>
                </a:endParaRPr>
              </a:p>
            </p:txBody>
          </p:sp>
        </p:grpSp>
      </p:grpSp>
      <p:sp>
        <p:nvSpPr>
          <p:cNvPr id="18" name="Fußzeilenplatzhalter 4">
            <a:extLst>
              <a:ext uri="{FF2B5EF4-FFF2-40B4-BE49-F238E27FC236}">
                <a16:creationId xmlns:a16="http://schemas.microsoft.com/office/drawing/2014/main" id="{B9DAFD0D-BB89-491D-AAFC-250343D290FF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1836393" y="6237288"/>
            <a:ext cx="4183409" cy="457200"/>
          </a:xfrm>
        </p:spPr>
        <p:txBody>
          <a:bodyPr/>
          <a:lstStyle/>
          <a:p>
            <a:pPr algn="l"/>
            <a:r>
              <a:rPr lang="de-DE" dirty="0"/>
              <a:t>Akademie im NLBK 		 Dezernat 3.3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94738258"/>
      </p:ext>
    </p:extLst>
  </p:cSld>
  <p:clrMapOvr>
    <a:masterClrMapping/>
  </p:clrMapOvr>
  <mc:AlternateContent xmlns:mc="http://schemas.openxmlformats.org/markup-compatibility/2006" xmlns:p159="http://schemas.microsoft.com/office/powerpoint/2015/09/main">
    <mc:Choice Requires="p159">
      <p:transition xmlns:p14="http://schemas.microsoft.com/office/powerpoint/2010/main" spd="slow" p14:dur="2000">
        <p159:morph option="byObject"/>
      </p:transition>
    </mc:Choice>
    <mc:Fallback xmlns="">
      <p:transition spd="slow">
        <p:fade/>
      </p:transition>
    </mc:Fallback>
  </mc:AlternateContent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D7543D&quot;,&quot;opacity&quot;:1,&quot;type&quot;:&quot;SOLID&quot;},&quot;primaryButtonBackgroundHover&quot;:{&quot;color&quot;:&quot;#BC4733&quot;,&quot;opacity&quot;:1,&quot;type&quot;:&quot;SOLID&quot;},&quot;primaryButtonBorder&quot;:{&quot;color&quot;:&quot;#D7543D&quot;,&quot;opacity&quot;:1,&quot;type&quot;:&quot;SOLID&quot;},&quot;primaryButtonBorderHover&quot;:{&quot;color&quot;:&quot;#BC4733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],&quot;buttonsAtLeft&quot;:false,&quot;courseTitleVisible&quot;:true,&quot;showLogo&quot;:false,&quot;visible&quot;:true},&quot;version&quot;:&quot;1.0&quot;},&quot;skinMessages&quot;:{&quot;PB_ACCESSIBLE_ARIA_LABEL_BACK_TO_BEGIN&quot;:&quot;Zum Anfang der Folie gehen&quot;,&quot;PB_ACCESSIBLE_ARIA_LABEL_BOTTOM_PANEL&quot;:&quot;Fußleiste&quot;,&quot;PB_ACCESSIBLE_ARIA_LABEL_NAVIGATION_BUTTONS&quot;:&quot;Navigationsschalftflächen&quot;,&quot;PB_ACCESSIBLE_ARIA_LABEL_SETTINGS&quot;:&quot;Einstellungen zur Barrierefreiheit&quot;,&quot;PB_ACCESSIBLE_ARIA_LABEL_SLIDE&quot;:&quot;Folie&quot;,&quot;PB_ACCESSIBLE_ARIA_LABEL_TOP_PANEL&quot;:&quot;Kopfleiste&quot;,&quot;PB_ACCESSIBLE_AUDIO_NARRATION_LABEL&quot;:&quot;Audioaufzeichnung&quot;,&quot;PB_ACCESSIBLE_NAVIGATION_NEXT_BUTTON&quot;:&quot;Weiter&quot;,&quot;PB_ACCESSIBLE_NAVIGATION_PREV_BUTTON&quot;:&quot;Zurück&quot;,&quot;PB_ACCESSIBLE_PLAYER_SCENARIO_NOT_SUPPORTED&quot;:&quot;Die Gesprächssimulation wird im barrierefreien Modus nicht unterstützt&quot;,&quot;PB_ACCESSIBLE_SKIN_ENABLE_ACCESSIBILITY_MODE&quot;:&quot;Barrierefreien Modus einschalten&quot;,&quot;PB_ACCESSIBLE_SKIN_ENABLE_NORMAL_MODE&quot;:&quot;Barrierefreien Modus ausschalten&quot;,&quot;PB_ACCESSIBLE_SKIN_PRESENTER_PHOTO&quot;:&quot;Bild vom Dozenten&quot;,&quot;PB_ACCESSIBLE_SLIDE_N_OF_COUNT&quot;:&quot;Folie %SLIDE_NUMBER% von %TOTAL_SLIDES%&quot;,&quot;PB_ACCESSIBLE_VIDEO_NARRATION_LABEL&quot;:&quot;Videoaufzeichnung&quot;,&quot;PB_ACCESSIBLE_WATERMARK_SKIN_CREATED_WITH&quot;:&quot;Erstellt mit iSpring Testversion&quot;,&quot;PB_ATTACHMENT_DOCUMENT_SUBTITLE&quot;:&quot;Dokument&quot;,&quot;PB_ATTACHMENT_FILE_SUBTITLE&quot;:&quot;Datei&quot;,&quot;PB_ATTACHMENT_IMAGE_SUBTITLE&quot;:&quot;Bild&quot;,&quot;PB_ATTACHMENT_LINK_SUBTITLE&quot;:&quot;Link&quot;,&quot;PB_ATTACHMENT_VIDEO_SUBTITLE&quot;:&quot;Video&quot;,&quot;PB_BACK_TO_APP_BUTTON_LABEL&quot;:&quot;Zurück&quot;,&quot;PB_CC_MENU_OFF&quot;:&quot;Aus&quot;,&quot;PB_CC_MENU_ON&quot;:&quot;An&quot;,&quot;PB_CC_MENU_TITLE&quot;:&quot;Notizen&quot;,&quot;PB_COMPANY_LOGO_BIG&quot;:&quot;Firmenlogo \n(266x156)&quot;,&quot;PB_COMPANY_LOGO_SMALL&quot;:&quot;Firmenlogo (266x50)&quot;,&quot;PB_CONTROL_PANEL_EXIT_FULL_SCREEN&quot;:&quot;Vollbildmodus verlassen&quot;,&quot;PB_CONTROL_PANEL_FULL_SCREEN&quot;:&quot;Vollbild-Modus&quot;,&quot;PB_CONTROL_PANEL_NEXT&quot;:&quot;Weiter&quot;,&quot;PB_CONTROL_PANEL_OUTLINE&quot;:&quot;Inhaltsverzeichnis&quot;,&quot;PB_CONTROL_PANEL_PREV&quot;:&quot;&quot;,&quot;PB_CONTROL_PANEL_REPLAY&quot;:&quot;Nochmals abspielen&quot;,&quot;PB_CONTROL_PANEL_SLIDE_COUNTER&quot;:&quot;%SLIDE_NUMBER% von %TOTAL_SLIDES%&quot;,&quot;PB_CONTROL_PANEL_VOLUME_CONTROL&quot;:&quot;Lautstärke&quot;,&quot;PB_CURRENT_SLIDE_IS_NOT_COMPLETED&quot;:&quot;Sie müssen die komplette Folie ansehen um fortfahren zu können&quot;,&quot;PB_DOMAIN_RESTRICTION&quot;:&quot;Entschuldigung Sie bitte, aber der Autor hat das Ausführen der Präsentation auf dieser Domäne nicht erlaubt.&quot;,&quot;PB_DOWNLOAD_APP_MESSAGE&quot;:&quot;Um diese Präsentation mit Videos ansehen zu können, laden Sie bitte die kostenlose iOS Anwendung iSpring Play herunter.&quot;,&quot;PB_DRAWING_TOOLS_END_DRAWING&quot;:&quot;Zeichnen beenden&quot;,&quot;PB_DRAWING_TOOLS_ERASER&quot;:&quot;Radiergummi&quot;,&quot;PB_DRAWING_TOOLS_ERASE_ALL&quot;:&quot;Alles löschen&quot;,&quot;PB_DRAWING_TOOLS_HIGHLIGHTER&quot;:&quot;Leuchtstift&quot;,&quot;PB_DRAWING_TOOLS_PEN&quot;:&quot;Stift&quot;,&quot;PB_ENTER_PASSWORD&quot;:&quot;Geben Sie das Passwort ein, um die Präsentation zu starten.&quot;,&quot;PB_INCORRECT_PASSWORD&quot;:&quot;Das Passwort ist nicht korrekt&quot;,&quot;PB_INTERACTION_SLIDE_WINDOW_TEXT&quot;:&quot;Sie müssen die Interaktion abschließen, bevor Sie diese Folie verlassen.&quot;,&quot;PB_LAUNCH_BTN_LABEL&quot;:&quot;&amp;Anfangen&quot;,&quot;PB_LAUNCH_IN_APP_MESSAGE&quot;:&quot;Um dies als Video anzusehen, müssen Sie iSpring Play nutzen.&quot;,&quot;PB_MESSAGE_BOX_NO&quot;:&quot;Nein&quot;,&quot;PB_MESSAGE_BOX_OK&quot;:&quot;OK&quot;,&quot;PB_MESSAGE_BOX_YES&quot;:&quot;Ja&quot;,&quot;PB_NAVIGATION_IS_RESTRICTED&quot;:&quot;Sie haben nur Zugang zu bereits angesehenen Folien.&quot;,&quot;PB_NAVIGATION_IS_SEQUENTIAL&quot;:&quot;Sie müssen sich die Folien in der vorgegebenen Reihenfolge ansehen.&quot;,&quot;PB_PLAYBACK_RATE_MENU_CAPTION&quot;:&quot;Geschwindigkeit&quot;,&quot;PB_PRECEDING_QUIZ_FAILED_WINDOW_TEXT&quot;:&quot;Sie dürfen nicht fortfahren, da Sie erst das  Quiz auf %SLIDE_INDEX%  besuchen müssen.&quot;,&quot;PB_PRECEDING_QUIZ_NOT_COMPLETED_WINDOW_TEXT&quot;:&quot;Sie müssen Folie%SLIDE_INDEX% ansehen, bevor Sie fortfahren.&quot;,&quot;PB_PRECEDING_QUIZ_NOT_PASSED_WINDOW_TEXT&quot;:&quot;Sie müssen das Quiz auf %SLIDE_INDEX% bestehen bevor Sie fortfahren.&quot;,&quot;PB_PRECEDING_SCENARIO_FAILED_WINDOW_TEXT&quot;:&quot;Sie dürfen nicht fortfahren, weil Sie die Gesprächssimulation auf Folie %SLIDE_INDEX% nicht bestanden haben.&quot;,&quot;PB_PRECEDING_SCENARIO_NOT_COMPLETED_WINDOW_TEXT&quot;:&quot;Sie müssen die Gesprächssimulation auf Folie %SLIDE_INDEX% abschließen, um fortfahren zu können.&quot;,&quot;PB_PRECEDING_SCENARIO_NOT_PASSED_WINDOW_TEXT&quot;:&quot;Sie müssen die Gesprächssimulation auf Folie %SLIDE_INDEX% bestehen, um fortfahren zu können.&quot;,&quot;PB_PRESENTER_COLLAPSE_BIO&quot;:&quot;Weniger anzeigen&quot;,&quot;PB_PRESENTER_EMAIL&quot;:&quot;E-Mail&quot;,&quot;PB_PRESENTER_EXPAND_BIO&quot;:&quot;Mehr anzeigen&quot;,&quot;PB_PRESENTER_HIDE_BIO&quot;:&quot;Verbergen&quot;,&quot;PB_PRESENTER_INFO&quot;:&quot;Informationen zum Dozenten&quot;,&quot;PB_PRESENTER_NO_INFO&quot;:&quot;Keine Dozenteninformationen&quot;,&quot;PB_PRESENTER_SHOW_BIO&quot;:&quot;Anzeigen&quot;,&quot;PB_PRESENTER_VIDEO&quot;:&quot;Dozentenvideo&quot;,&quot;PB_PRESENTER_WEBSITE&quot;:&quot;Webseite&quot;,&quot;PB_QUIZ_SLIDE_WINDOW_TEXT&quot;:&quot;Sie müssen das Quiz beenden, bevor Sie diese Folie verlassen.&quot;,&quot;PB_RATE_MENU_CAPTION&quot;:&quot;Geschwindigkeit&quot;,&quot;PB_RATE_MENU_DEFAULT_RATE&quot;:&quot;Normal&quot;,&quot;PB_RESTRICTION_MESSAGE_BOX_TITLE&quot;:&quot;Navigation ist eingeschränkt&quot;,&quot;PB_RESUME_PRESENTATION_WINDOW_TEXT&quot;:&quot;Möchten Sie von der zuletzt angesehenen Folie starten?&quot;,&quot;PB_RESUME_PRESENTATION_WINDOW_TITLE&quot;:&quot;Präsentation fortsetzen&quot;,&quot;PB_SCENARIO_SLIDE_WINDOW_TEXT&quot;:&quot;Sie müssen die Gesprächssimulation fertigstellen, bevor Sie die Folie verlassen.&quot;,&quot;PB_SEARCH_CANCEL&quot;:&quot;Abbrechen&quot;,&quot;PB_SEARCH_NO_RESULTS_LABEL&quot;:&quot;Keine Übereinstimmungen gefunden.&quot;,&quot;PB_SEARCH_PANEL_DEFAULT_TEXT&quot;:&quot;Suchen…&quot;,&quot;PB_SEARCH_RESULTS_LABEL&quot;:&quot;Suchergebnisse&quot;,&quot;PB_SEARCH_RESULT_IN_NOTES&quot;:&quot;in den Notizen&quot;,&quot;PB_SEARCH_RESULT_IN_TEXT_LABEL&quot;:&quot;in den Folien&quot;,&quot;PB_SUBTITLES_MENU_CAPTION&quot;:&quot;Untertitel&quot;,&quot;PB_SUBTITLES_OFF&quot;:&quot;Aus&quot;,&quot;PB_TAB_NOTES_LABEL&quot;:&quot;Notizen&quot;,&quot;PB_TAB_OUTLINE_LABEL&quot;:&quot;Folien&quot;,&quot;PB_TIME_RESTRICTION&quot;:&quot;Entschuldigen Sie bitte, aber der Verfasser hat die Betrachtung der Präsentation im Moment unterbunden.&quot;,&quot;PB_TITLE_PANEL_ATTACHMENTS&quot;:&quot;Anhänge&quot;,&quot;PB_TITLE_PANEL_DEFAULT_COURSE_TITLE&quot;:&quot;Kurstitel Beispiel&quot;,&quot;PB_TITLE_PANEL_MARKER_TOOLS&quot;:&quot;Zeichnung&quot;,&quot;PB_TITLE_PANEL_NOTES&quot;:&quot;Notizen&quot;,&quot;PB_TITLE_PANEL_OUTLINE&quot;:&quot;Inhaltsverzeichnis&quot;,&quot;PB_TITLE_PANEL_PRESENTER_INFO&quot;:&quot;Informationen zum Dozenten&quot;,&quot;PB_TOOLTIP_ADD_LOGO&quot;:&quot;Klicken Sie hier, um das Firmenlogo hinzuzufügen&quot;,&quot;PB_TOOLTIP_CHANGE_LOGO&quot;:&quot;Klicken Sie hier um das Firmenlogo zu bearbeiten&quot;,&quot;PB_TREE_CONTROL_LOADING&quot;:&quot;Lädt gerade…&quot;,&quot;PB_VIDEO_WINDOW_NO_VIDEO_LABEL&quot;:&quot;Kein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COURSE_TITLE&quot;,&quot;DT_HYPERLINK_TOOLTIP&quot;]},&quot;resources&quot;:{&quot;attachments&quot;:false,&quot;companyLogos&quot;:null,&quot;fonts&quot;:[{&quot;charsets&quot;:{&quot;dynamicFormatted&quot;:[&quot;DCT_INTERACTIVITY_TEXT&quot;],&quot;dynamicPlain&quot;:[&quot;DCT_COURSE_TITLE&quot;,&quot;DCT_HYPERLINK_TOOLTIP&quot;],&quot;static&quot;:[&quot;Normal&quot;,&quot;Lautstärke&quot;,&quot;%SLIDE_NUMBER% von %TOTAL_SLIDES%&quot;,&quot;Möchten Sie von der zuletzt angesehenen Folie starten?&quot;,&quot;Sie müssen das Quiz beenden, bevor Sie diese Folie verlassen.&quot;,&quot;Sie müssen das Quiz auf %SLIDE_INDEX% bestehen bevor Sie fortfahren.&quot;,&quot;Sie müssen Folie%SLIDE_INDEX% ansehen, bevor Sie fortfahren.&quot;,&quot;Sie dürfen nicht fortfahren, da Sie erst das  Quiz auf %SLIDE_INDEX%  besuchen müssen.&quot;,&quot;Sie müssen die Interaktion abschließen, bevor Sie diese Folie verlassen.&quot;,&quot;Sie müssen die Gesprächssimulation fertigstellen, bevor Sie die Folie verlassen.&quot;,&quot;Sie müssen die Gesprächssimulation auf Folie %SLIDE_INDEX% bestehen, um fortfahren zu können.&quot;,&quot;Sie müssen die Gesprächssimulation auf Folie %SLIDE_INDEX% abschließen, um fortfahren zu können.&quot;,&quot;Sie dürfen nicht fortfahren, weil Sie die Gesprächssimulation auf Folie %SLIDE_INDEX% nicht bestanden haben.&quot;,&quot;Sie müssen die komplette Folie ansehen um fortfahren zu können&quot;,&quot;Sie haben nur Zugang zu bereits angesehenen Folien.&quot;,&quot;Sie müssen sich die Folien in der vorgegebenen Reihenfolge ansehen.&quot;,&quot;Geben Sie das Passwort ein, um die Präsentation zu starten.&quot;,&quot;Das Passwort ist nicht korrekt&quot;,&quot;Entschuldigung Sie bitte, aber der Autor hat das Ausführen der Präsentation auf dieser Domäne nicht erlaubt.&quot;,&quot;Entschuldigen Sie bitte, aber der Verfasser hat die Betrachtung der Präsentation im Moment unterbunden.&quot;,&quot;Zurück&quot;,&quot;Weiter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],&quot;dynamicPlain&quot;:[],&quot;static&quot;:[&quot;Weiter&quot;,&quot;Geschwindigkeit&quot;,&quot;Ja&quot;,&quot;Nein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-SUITE_ISPRING_CURRENT_PLAYER_ID" val="universal"/>
  <p:tag name="ISPRING_PRESENTATION_COURSE_TITLE" val="Basis 10.2 - ABC Gefahren und Verhalten im Einsatz Präsentation"/>
  <p:tag name="ISPRING_LMS_API_VERSION" val="SCORM 2004 (4th edition)"/>
  <p:tag name="ISPRING_ULTRA_SCORM_COURSE_ID" val="CE667C0F-D612-4419-86B4-428D4FD323D4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18h\uFFFD{F369EC98-67A3-4F0E-9536-1009CD459043}&quot;,&quot;T:\\NLBK\\Novellierung_Truppausbildung_2024\\03 Basismodule\\Basis 10.0 - ABC-Gefahrstoffe\\Basis 10.2 ABC Gefahen und Verhalten im Einsatz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RATE_QUIZZES" val="0"/>
  <p:tag name="ISPRING_SCORM_PASSING_SCORE" val="0.000000"/>
  <p:tag name="ISPRING_PRESENTATION_TITLE" val="Basis 10.2 - ABC Gefahren und Verhalten im Einsatz Präsentation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674E67E-A0CC-4FD9-9EBF-408C204C6E37}:42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7354D80-C712-4AB5-AB0D-52360E15BCC8}:446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C8C962E-7C0B-4A16-9F8C-3BE1015020C0}:447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2640459-6941-4E1B-B85D-A6899BE8B13B}:44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9E0EC65-833E-4469-93C5-F233D172A50A}:449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57B712D-6D71-4319-BD61-0B213C66AE85}:45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2EFE693-B3A2-442B-B0C5-3E3BEB757FEB}:45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BD72328-D1E7-4F87-89B9-4BBA4F144C88}:394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EAFCF98-4B46-42A0-87B0-8161C6B63092}:412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29CDD63-E160-4EA0-81F7-C0739EEDB7B4}:39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97FC1B3-03FF-4AE6-A9C8-5B0568BF2B85}:256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B503578-B714-4517-B756-1B74A4F41FB2}:493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873417F-9038-4C18-8E9F-ACE69A7053B2}:490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F6B68E6-0724-413C-8BFB-DE81005F6782}:49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A23CB00-6B18-432D-8C8A-C5F792BF3DA6}:495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E94AA1B-8681-460E-B673-C7563A044BBB}:404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362FF84-906E-4A7A-9E67-1B1A31F94FEF}:418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51B4A5-D007-4FAC-B982-C3A939A83938}:419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21.8|22.6"/>
  <p:tag name="GENSWF_SLIDE_UID" val="{AA82EC11-81E2-492A-8546-0B6B26D0E960}:416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3CF8376-20B5-4B9F-87F7-07AF3B1BB738}:41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A7A5A82-D930-401E-BB01-6BC4173FEB65}:42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10B49E8-FC5D-4DA4-BF67-03CB5554E9A0}:427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3622A1E-449A-4A9B-B2ED-6B6C2A240B75}:42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A33FAD9-F308-4352-8FBB-EAAB49561543}:425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F34F20E-7F61-4DC7-A938-639F1DE30DF9}:428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626B9BB-D092-45EF-9135-F6673CC8101E}:429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84736F-649C-47DD-BC79-95AE933ED73B}:420"/>
</p:tagLst>
</file>

<file path=ppt/theme/theme1.xml><?xml version="1.0" encoding="utf-8"?>
<a:theme xmlns:a="http://schemas.openxmlformats.org/drawingml/2006/main" name="NLBK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20210208_MF_Zuständigkeiten.pptx" id="{63695505-E43F-446E-BED5-E9E685F8A0E8}" vid="{DF976A25-E083-40EB-8174-25E66751E018}"/>
    </a:ext>
  </a:extLst>
</a:theme>
</file>

<file path=ppt/theme/theme2.xml><?xml version="1.0" encoding="utf-8"?>
<a:theme xmlns:a="http://schemas.openxmlformats.org/drawingml/2006/main" name="Titel und Text">
  <a:themeElements>
    <a:clrScheme name="NABK Abteilung 3">
      <a:dk1>
        <a:srgbClr val="000000"/>
      </a:dk1>
      <a:lt1>
        <a:srgbClr val="FFFFFF"/>
      </a:lt1>
      <a:dk2>
        <a:srgbClr val="8D8D8D"/>
      </a:dk2>
      <a:lt2>
        <a:srgbClr val="E8E8E8"/>
      </a:lt2>
      <a:accent1>
        <a:srgbClr val="FF0000"/>
      </a:accent1>
      <a:accent2>
        <a:srgbClr val="A5A5A5"/>
      </a:accent2>
      <a:accent3>
        <a:srgbClr val="BFBFBF"/>
      </a:accent3>
      <a:accent4>
        <a:srgbClr val="F2F2F2"/>
      </a:accent4>
      <a:accent5>
        <a:srgbClr val="FF0000"/>
      </a:accent5>
      <a:accent6>
        <a:srgbClr val="7F7F7F"/>
      </a:accent6>
      <a:hlink>
        <a:srgbClr val="FF0000"/>
      </a:hlink>
      <a:folHlink>
        <a:srgbClr val="3333CC"/>
      </a:folHlink>
    </a:clrScheme>
    <a:fontScheme name="NABK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miter lim="800000"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de-DE" altLang="de-DE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panose="020B0604020202020204" pitchFamily="34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miter lim="800000"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non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de-DE" altLang="de-DE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panose="020B0604020202020204" pitchFamily="34" charset="0"/>
          </a:defRPr>
        </a:defPPr>
      </a:lstStyle>
    </a:lnDef>
  </a:objectDefaults>
  <a:extraClrSchemeLst>
    <a:extraClrScheme>
      <a:clrScheme name="NABK 1">
        <a:dk1>
          <a:srgbClr val="969696"/>
        </a:dk1>
        <a:lt1>
          <a:srgbClr val="FFFFFF"/>
        </a:lt1>
        <a:dk2>
          <a:srgbClr val="000000"/>
        </a:dk2>
        <a:lt2>
          <a:srgbClr val="DDDDDD"/>
        </a:lt2>
        <a:accent1>
          <a:srgbClr val="00E4A8"/>
        </a:accent1>
        <a:accent2>
          <a:srgbClr val="3333CC"/>
        </a:accent2>
        <a:accent3>
          <a:srgbClr val="AAAAAA"/>
        </a:accent3>
        <a:accent4>
          <a:srgbClr val="DADADA"/>
        </a:accent4>
        <a:accent5>
          <a:srgbClr val="AAEFD1"/>
        </a:accent5>
        <a:accent6>
          <a:srgbClr val="2D2DB9"/>
        </a:accent6>
        <a:hlink>
          <a:srgbClr val="FF5050"/>
        </a:hlink>
        <a:folHlink>
          <a:srgbClr val="FFCF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NABK 2">
        <a:dk1>
          <a:srgbClr val="000000"/>
        </a:dk1>
        <a:lt1>
          <a:srgbClr val="FFFFFF"/>
        </a:lt1>
        <a:dk2>
          <a:srgbClr val="333399"/>
        </a:dk2>
        <a:lt2>
          <a:srgbClr val="1C1C1C"/>
        </a:lt2>
        <a:accent1>
          <a:srgbClr val="00E4A8"/>
        </a:accent1>
        <a:accent2>
          <a:srgbClr val="FFCF01"/>
        </a:accent2>
        <a:accent3>
          <a:srgbClr val="FFFFFF"/>
        </a:accent3>
        <a:accent4>
          <a:srgbClr val="000000"/>
        </a:accent4>
        <a:accent5>
          <a:srgbClr val="AAEFD1"/>
        </a:accent5>
        <a:accent6>
          <a:srgbClr val="E7BB01"/>
        </a:accent6>
        <a:hlink>
          <a:srgbClr val="FF0000"/>
        </a:hlink>
        <a:folHlink>
          <a:srgbClr val="3333CC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3">
        <a:dk1>
          <a:srgbClr val="000000"/>
        </a:dk1>
        <a:lt1>
          <a:srgbClr val="FFFFFF"/>
        </a:lt1>
        <a:dk2>
          <a:srgbClr val="000000"/>
        </a:dk2>
        <a:lt2>
          <a:srgbClr val="5F5F5F"/>
        </a:lt2>
        <a:accent1>
          <a:srgbClr val="EAEAEA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F3F3F3"/>
        </a:accent5>
        <a:accent6>
          <a:srgbClr val="737373"/>
        </a:accent6>
        <a:hlink>
          <a:srgbClr val="4D4D4D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4">
        <a:dk1>
          <a:srgbClr val="000094"/>
        </a:dk1>
        <a:lt1>
          <a:srgbClr val="FFFFFF"/>
        </a:lt1>
        <a:dk2>
          <a:srgbClr val="0000CC"/>
        </a:dk2>
        <a:lt2>
          <a:srgbClr val="FFFFCC"/>
        </a:lt2>
        <a:accent1>
          <a:srgbClr val="3193FF"/>
        </a:accent1>
        <a:accent2>
          <a:srgbClr val="9900FF"/>
        </a:accent2>
        <a:accent3>
          <a:srgbClr val="AAAAE2"/>
        </a:accent3>
        <a:accent4>
          <a:srgbClr val="DADADA"/>
        </a:accent4>
        <a:accent5>
          <a:srgbClr val="ADC8FF"/>
        </a:accent5>
        <a:accent6>
          <a:srgbClr val="8A00E7"/>
        </a:accent6>
        <a:hlink>
          <a:srgbClr val="FF3399"/>
        </a:hlink>
        <a:folHlink>
          <a:srgbClr val="FFCC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NABK 5">
        <a:dk1>
          <a:srgbClr val="000000"/>
        </a:dk1>
        <a:lt1>
          <a:srgbClr val="FFFFFF"/>
        </a:lt1>
        <a:dk2>
          <a:srgbClr val="000066"/>
        </a:dk2>
        <a:lt2>
          <a:srgbClr val="333333"/>
        </a:lt2>
        <a:accent1>
          <a:srgbClr val="C4709A"/>
        </a:accent1>
        <a:accent2>
          <a:srgbClr val="4B4EB5"/>
        </a:accent2>
        <a:accent3>
          <a:srgbClr val="FFFFFF"/>
        </a:accent3>
        <a:accent4>
          <a:srgbClr val="000000"/>
        </a:accent4>
        <a:accent5>
          <a:srgbClr val="DEBBCA"/>
        </a:accent5>
        <a:accent6>
          <a:srgbClr val="4346A4"/>
        </a:accent6>
        <a:hlink>
          <a:srgbClr val="C481CF"/>
        </a:hlink>
        <a:folHlink>
          <a:srgbClr val="76B749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6">
        <a:dk1>
          <a:srgbClr val="000000"/>
        </a:dk1>
        <a:lt1>
          <a:srgbClr val="FFFFFF"/>
        </a:lt1>
        <a:dk2>
          <a:srgbClr val="6A4076"/>
        </a:dk2>
        <a:lt2>
          <a:srgbClr val="969696"/>
        </a:lt2>
        <a:accent1>
          <a:srgbClr val="DBA9C2"/>
        </a:accent1>
        <a:accent2>
          <a:srgbClr val="E1BF91"/>
        </a:accent2>
        <a:accent3>
          <a:srgbClr val="FFFFFF"/>
        </a:accent3>
        <a:accent4>
          <a:srgbClr val="000000"/>
        </a:accent4>
        <a:accent5>
          <a:srgbClr val="EAD1DD"/>
        </a:accent5>
        <a:accent6>
          <a:srgbClr val="CCAD83"/>
        </a:accent6>
        <a:hlink>
          <a:srgbClr val="B3CE82"/>
        </a:hlink>
        <a:folHlink>
          <a:srgbClr val="B8AD48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7">
        <a:dk1>
          <a:srgbClr val="000000"/>
        </a:dk1>
        <a:lt1>
          <a:srgbClr val="FFFFFF"/>
        </a:lt1>
        <a:dk2>
          <a:srgbClr val="515F7B"/>
        </a:dk2>
        <a:lt2>
          <a:srgbClr val="808080"/>
        </a:lt2>
        <a:accent1>
          <a:srgbClr val="9FCAD3"/>
        </a:accent1>
        <a:accent2>
          <a:srgbClr val="C0C0C0"/>
        </a:accent2>
        <a:accent3>
          <a:srgbClr val="FFFFFF"/>
        </a:accent3>
        <a:accent4>
          <a:srgbClr val="000000"/>
        </a:accent4>
        <a:accent5>
          <a:srgbClr val="CDE1E6"/>
        </a:accent5>
        <a:accent6>
          <a:srgbClr val="AEAEAE"/>
        </a:accent6>
        <a:hlink>
          <a:srgbClr val="91AFBF"/>
        </a:hlink>
        <a:folHlink>
          <a:srgbClr val="ECEAAC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NABK 8">
        <a:dk1>
          <a:srgbClr val="000000"/>
        </a:dk1>
        <a:lt1>
          <a:srgbClr val="FFFFFF"/>
        </a:lt1>
        <a:dk2>
          <a:srgbClr val="333399"/>
        </a:dk2>
        <a:lt2>
          <a:srgbClr val="808080"/>
        </a:lt2>
        <a:accent1>
          <a:srgbClr val="00E4A8"/>
        </a:accent1>
        <a:accent2>
          <a:srgbClr val="FFCF01"/>
        </a:accent2>
        <a:accent3>
          <a:srgbClr val="FFFFFF"/>
        </a:accent3>
        <a:accent4>
          <a:srgbClr val="000000"/>
        </a:accent4>
        <a:accent5>
          <a:srgbClr val="AAEFD1"/>
        </a:accent5>
        <a:accent6>
          <a:srgbClr val="E7BB01"/>
        </a:accent6>
        <a:hlink>
          <a:srgbClr val="FF0000"/>
        </a:hlink>
        <a:folHlink>
          <a:srgbClr val="3333CC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  <a:extLst>
    <a:ext uri="{05A4C25C-085E-4340-85A3-A5531E510DB2}">
      <thm15:themeFamily xmlns:thm15="http://schemas.microsoft.com/office/thememl/2012/main" name="20210208_MF_Zuständigkeiten.pptx" id="{63695505-E43F-446E-BED5-E9E685F8A0E8}" vid="{7CB4E950-63F2-4470-9860-DA40BE60AD8B}"/>
    </a:ext>
  </a:extLst>
</a:theme>
</file>

<file path=ppt/theme/theme3.xml><?xml version="1.0" encoding="utf-8"?>
<a:theme xmlns:a="http://schemas.openxmlformats.org/drawingml/2006/main" name="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20210208_MF_Unterricht</Template>
  <TotalTime>0</TotalTime>
  <Words>947</Words>
  <Application>Microsoft Office PowerPoint</Application>
  <PresentationFormat>Bildschirmpräsentation (4:3)</PresentationFormat>
  <Paragraphs>192</Paragraphs>
  <Slides>27</Slides>
  <Notes>27</Notes>
  <HiddenSlides>0</HiddenSlides>
  <MMClips>0</MMClips>
  <ScaleCrop>false</ScaleCrop>
  <HeadingPairs>
    <vt:vector size="6" baseType="variant">
      <vt:variant>
        <vt:lpstr>Verwendete Schriftarten</vt:lpstr>
      </vt:variant>
      <vt:variant>
        <vt:i4>7</vt:i4>
      </vt:variant>
      <vt:variant>
        <vt:lpstr>Design</vt:lpstr>
      </vt:variant>
      <vt:variant>
        <vt:i4>2</vt:i4>
      </vt:variant>
      <vt:variant>
        <vt:lpstr>Folientitel</vt:lpstr>
      </vt:variant>
      <vt:variant>
        <vt:i4>27</vt:i4>
      </vt:variant>
    </vt:vector>
  </HeadingPairs>
  <TitlesOfParts>
    <vt:vector size="36" baseType="lpstr">
      <vt:lpstr>Arial</vt:lpstr>
      <vt:lpstr>Arial Rounded MT Bold</vt:lpstr>
      <vt:lpstr>Calibri</vt:lpstr>
      <vt:lpstr>Frutiger CE 45 Light</vt:lpstr>
      <vt:lpstr>Frutiger CE 55 Roman</vt:lpstr>
      <vt:lpstr>Times New Roman</vt:lpstr>
      <vt:lpstr>Wingdings</vt:lpstr>
      <vt:lpstr>NLBK</vt:lpstr>
      <vt:lpstr>Titel und Text</vt:lpstr>
      <vt:lpstr>Modul 10-2  ABC Gefahren und Verhalten im Einsatz</vt:lpstr>
      <vt:lpstr>Inkorporation</vt:lpstr>
      <vt:lpstr>Inkorporation</vt:lpstr>
      <vt:lpstr>Kontamination</vt:lpstr>
      <vt:lpstr>Kontamination</vt:lpstr>
      <vt:lpstr>Einwirkung von außen</vt:lpstr>
      <vt:lpstr>Einwirkung von außen</vt:lpstr>
      <vt:lpstr>Gruppe im            ABC - Einsatz</vt:lpstr>
      <vt:lpstr>Gruppe im ABC-Einsatz</vt:lpstr>
      <vt:lpstr>Gruppe im ABC-Einsatz</vt:lpstr>
      <vt:lpstr>Gruppe im ABC-Einsatz</vt:lpstr>
      <vt:lpstr>Gruppe im ABC-Einsatz</vt:lpstr>
      <vt:lpstr>Gruppe im ABC-Einsatz</vt:lpstr>
      <vt:lpstr>Gruppe im ABC-Einsatz</vt:lpstr>
      <vt:lpstr>Gruppe im ABC-Einsatz</vt:lpstr>
      <vt:lpstr>Absperren</vt:lpstr>
      <vt:lpstr>Absperren</vt:lpstr>
      <vt:lpstr>Menschenrettung</vt:lpstr>
      <vt:lpstr>Menschenrettung</vt:lpstr>
      <vt:lpstr>Menschenrettung</vt:lpstr>
      <vt:lpstr>Menschenrettung</vt:lpstr>
      <vt:lpstr>Menschenrettung</vt:lpstr>
      <vt:lpstr>Sofort Dekon  Dekon Stufe 1</vt:lpstr>
      <vt:lpstr>Sofort Dekon – Dekon Stufe 1</vt:lpstr>
      <vt:lpstr>Sofort Dekon – Dekon Stufe 1</vt:lpstr>
      <vt:lpstr>Sofort Dekon – Dekon Stufe 1</vt:lpstr>
      <vt:lpstr>Sofort Dekon – Dekon Stufe 1</vt:lpstr>
    </vt:vector>
  </TitlesOfParts>
  <Company>IT.Niedersachse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sis 10.2 - ABC Gefahren und Verhalten im Einsatz Präsentation</dc:title>
  <dc:creator>Firmenich, Michael (NABK)</dc:creator>
  <cp:lastModifiedBy>Knabenschuh, Jakob (NLBK)</cp:lastModifiedBy>
  <cp:revision>42</cp:revision>
  <dcterms:created xsi:type="dcterms:W3CDTF">2021-02-09T07:10:42Z</dcterms:created>
  <dcterms:modified xsi:type="dcterms:W3CDTF">2023-12-15T14:15:50Z</dcterms:modified>
</cp:coreProperties>
</file>